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 Id="rId4" Type="http://schemas.openxmlformats.org/officeDocument/2006/relationships/custom-properties" Target="docProps/custom.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3127"/>
  <workbookPr defaultThemeVersion="166925"/>
  <mc:AlternateContent xmlns:mc="http://schemas.openxmlformats.org/markup-compatibility/2006">
    <mc:Choice Requires="x15">
      <x15ac:absPath xmlns:x15ac="http://schemas.microsoft.com/office/spreadsheetml/2010/11/ac" url="C:\Users\i015192\Documents\"/>
    </mc:Choice>
  </mc:AlternateContent>
  <xr:revisionPtr revIDLastSave="0" documentId="8_{3B01EE92-1573-44B5-BA63-A4845B03EFEC}" xr6:coauthVersionLast="45" xr6:coauthVersionMax="45" xr10:uidLastSave="{00000000-0000-0000-0000-000000000000}"/>
  <bookViews>
    <workbookView xWindow="-108" yWindow="-108" windowWidth="23256" windowHeight="12576" xr2:uid="{638061AB-1981-42AE-A5F8-E3E7785A7562}"/>
  </bookViews>
  <sheets>
    <sheet name="FAQs" sheetId="1" r:id="rId1"/>
  </sheets>
  <definedNames>
    <definedName name="_xlnm._FilterDatabase" localSheetId="0" hidden="1">FAQs!$A$1:$B$270</definedName>
  </definedNames>
  <calcPr calcId="191028"/>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calcFeatures>
    </ext>
  </extLst>
</workbook>
</file>

<file path=xl/sharedStrings.xml><?xml version="1.0" encoding="utf-8"?>
<sst xmlns="http://schemas.openxmlformats.org/spreadsheetml/2006/main" count="421" uniqueCount="419">
  <si>
    <t>Do I get a notification if a product isn’t on stock?</t>
  </si>
  <si>
    <t>Do I get a notification if a product is not available right now?</t>
  </si>
  <si>
    <t>What is situation handling?</t>
  </si>
  <si>
    <t>What happens if there's a deficit in the quantity of materials to be delivered?</t>
  </si>
  <si>
    <t>What is purchase orders advanced?</t>
  </si>
  <si>
    <t>With the Manage Purchase Orders Advanced app you can create, edit and display also those purchase orders that have one or more of the few features that are not supported by the Fiori app.</t>
  </si>
  <si>
    <t>When should I use purchase order advanced?</t>
  </si>
  <si>
    <t>What´s the difference between purchase orders and purchase orders advanced?</t>
  </si>
  <si>
    <t>You can work with purchase orders and purchase orders of the type 'advanced'. Note that purchase orders of the type 'advanced' (symbolized by an icon next to the PO number) are opened in a separate browser tab.</t>
  </si>
  <si>
    <t>How to differentiate between manage Purchase Orders and Manage Purchase Orders Advanced?</t>
  </si>
  <si>
    <t>Can I see if any items are overdue?</t>
  </si>
  <si>
    <t>With the Overdue Purchase Order Items app, you can analyze the delivery dates of the purchase orders sent to the supplier. The KPI compares the actual date with the delivery date on item level. All purchase order items for which delivery date has passed and which have not yet been delivered are calculated. You can also use this app to analyze the delivery dates of purchase order items sent to the supplier.</t>
  </si>
  <si>
    <t>Where can I see if any items are overdue?</t>
  </si>
  <si>
    <t>Where can I see if a delivery date hasn’t been met?</t>
  </si>
  <si>
    <t>Where can I check the delivery dates for the purchase orders sent to the supplier?</t>
  </si>
  <si>
    <t>Can I sort purchase orders according to their status?</t>
  </si>
  <si>
    <t>Where can I see the shipping status?</t>
  </si>
  <si>
    <t>Where can I see if the order has been sent?</t>
  </si>
  <si>
    <t>Why is the given document type NB?</t>
  </si>
  <si>
    <r>
      <t>When you </t>
    </r>
    <r>
      <rPr>
        <b/>
        <sz val="12"/>
        <color rgb="FF000000"/>
        <rFont val="Calibri"/>
        <family val="2"/>
        <scheme val="minor"/>
      </rPr>
      <t>create</t>
    </r>
    <r>
      <rPr>
        <sz val="12"/>
        <color rgb="FF000000"/>
        <rFont val="Calibri"/>
        <family val="2"/>
        <scheme val="minor"/>
      </rPr>
      <t> a new purchase order, the system inserts the document type </t>
    </r>
    <r>
      <rPr>
        <i/>
        <sz val="12"/>
        <color rgb="FF000000"/>
        <rFont val="Calibri"/>
        <family val="2"/>
        <scheme val="minor"/>
      </rPr>
      <t>NB</t>
    </r>
    <r>
      <rPr>
        <sz val="12"/>
        <color rgb="FF000000"/>
        <rFont val="Calibri"/>
        <family val="2"/>
        <scheme val="minor"/>
      </rPr>
      <t> by default. 
You can change the document type of the purchase order and use any customer-defined document type (Z*) that has been copied with all dependent entries from document type NB.</t>
    </r>
  </si>
  <si>
    <t>Why is the document type saved as NB?</t>
  </si>
  <si>
    <t>What does NB stand for?</t>
  </si>
  <si>
    <t>NB stands for the document type used for standard purchase orders.</t>
  </si>
  <si>
    <t>What does NB as the document type indicate?</t>
  </si>
  <si>
    <t>What does NB mean?</t>
  </si>
  <si>
    <t>Has my order been sent yet?</t>
  </si>
  <si>
    <t>To check, whether your order has been sent yet, please check the list screen. Here you can select purchase orders according to their status.</t>
  </si>
  <si>
    <t>When will the order be delivered?</t>
  </si>
  <si>
    <t>Where can I change the document type?</t>
  </si>
  <si>
    <t>To change the document type, please go to General Information and choose one of the given types in the field Purchase Order Type. Once the purchase order has been saved, the purchase order type is read-only.</t>
  </si>
  <si>
    <t>How can I change the document type?</t>
  </si>
  <si>
    <t>Where do I change the document type?</t>
  </si>
  <si>
    <t>Is it possible to change the document type?</t>
  </si>
  <si>
    <t>Can I change the document type?</t>
  </si>
  <si>
    <t>Can I divide my documents into different groups?</t>
  </si>
  <si>
    <t>Yes, you can divide your documents into different groups. For example, the categories sample and actual purchase orders are available.</t>
  </si>
  <si>
    <t>Is it possible to divide up the documents into different groups?</t>
  </si>
  <si>
    <t>Why can´t I change the document type anymore?</t>
  </si>
  <si>
    <t>Once the purchase order has been saved, the document type is read-only.</t>
  </si>
  <si>
    <t>Can't change the document type.</t>
  </si>
  <si>
    <t>Is the account assignment of my purchase order commitment-relevant?</t>
  </si>
  <si>
    <t>If the account assignment of a purchase order is commitment-relevant, you can view the commitments of the purchase order items in a table. The table displays one line for each combination of purchase order item, account assignment line, and schedule line. The respective amount also includes the commitment for the delivery costs of the item.</t>
  </si>
  <si>
    <t>Do I need to commit the account assignment of my purchase order?</t>
  </si>
  <si>
    <t>Why do I get a notification about residual commitment?</t>
  </si>
  <si>
    <t>If the commitment has been reduced, for example, by a goods receipt or by an invoice, the system displays the residual commitment in the corresponding line.</t>
  </si>
  <si>
    <t>Why the notification about residual commitment?</t>
  </si>
  <si>
    <t>Where can I change the amount of a currency?</t>
  </si>
  <si>
    <r>
      <t>By default, the commitment is displayed in transaction currency. In the </t>
    </r>
    <r>
      <rPr>
        <b/>
        <sz val="12"/>
        <color rgb="FF004990"/>
        <rFont val="Calibri"/>
        <family val="2"/>
        <scheme val="minor"/>
      </rPr>
      <t>Settings</t>
    </r>
    <r>
      <rPr>
        <sz val="12"/>
        <color rgb="FF000000"/>
        <rFont val="Calibri"/>
        <family val="2"/>
        <scheme val="minor"/>
      </rPr>
      <t> of the commitment table, you can also select amounts in other currencies, for example, the </t>
    </r>
    <r>
      <rPr>
        <b/>
        <sz val="12"/>
        <color rgb="FF004990"/>
        <rFont val="Calibri"/>
        <family val="2"/>
        <scheme val="minor"/>
      </rPr>
      <t>Amount in Company Code Currency</t>
    </r>
    <r>
      <rPr>
        <sz val="12"/>
        <color rgb="FF000000"/>
        <rFont val="Calibri"/>
        <family val="2"/>
        <scheme val="minor"/>
      </rPr>
      <t>. (Select only the required amount in the settings. The appropriate currency is automatically displayed.)</t>
    </r>
  </si>
  <si>
    <t>Can I change the amount of a currency?</t>
  </si>
  <si>
    <t>How can I change the amount of a currency?</t>
  </si>
  <si>
    <t>What does the price unit indicate?</t>
  </si>
  <si>
    <r>
      <t>The </t>
    </r>
    <r>
      <rPr>
        <i/>
        <sz val="12"/>
        <color theme="1"/>
        <rFont val="Calibri"/>
        <family val="2"/>
        <scheme val="minor"/>
      </rPr>
      <t>Price Unit</t>
    </r>
    <r>
      <rPr>
        <sz val="12"/>
        <color theme="1"/>
        <rFont val="Calibri"/>
        <family val="2"/>
        <scheme val="minor"/>
      </rPr>
      <t> indicates the unit of measure that is relevant for the net order price of the purchase order item. The price unit can be different from the order unit. It is possible, that the supplier specifies the price of a good or a service in relation to a unit other than the one you want to use as the order unit in the purchase order.</t>
    </r>
  </si>
  <si>
    <t>What's the price unit?</t>
  </si>
  <si>
    <t>What does the price unit stand for?</t>
  </si>
  <si>
    <t>Do price unit and order unit need to be the same?</t>
  </si>
  <si>
    <t>The price unit can be different from the order unit. It is possible, that the supplier specifies the price of a good or a service in relation to a unit other than the one you want to use as the order unit in the purchase order.</t>
  </si>
  <si>
    <t>Are price unit and order unit the same?</t>
  </si>
  <si>
    <t>Where do I change the net Price after a change of the purchase order currency?</t>
  </si>
  <si>
    <t xml:space="preserve">When you create a purchase order, the system searches for valid conditions and inserts them into the new document (this is the process of price determination). If no conditions are found, you can enter the net price manually. The net price can be changed at any time. If the purchase order currency is changed after entering the net price, changes to the net price are possible in the pricing section. </t>
  </si>
  <si>
    <t xml:space="preserve">Can I change the Net Price? </t>
  </si>
  <si>
    <t>Why can´t I change the net price?</t>
  </si>
  <si>
    <t>If automatic surcharges or rebates are found, the net price cannot be changed.</t>
  </si>
  <si>
    <t>Can't change the net price.</t>
  </si>
  <si>
    <t>Why ain't I able to change the net price?</t>
  </si>
  <si>
    <t>Why do I need to create limit items?</t>
  </si>
  <si>
    <t>You can create limit items for unplanned services or for unplanned materials, that is, services or materials that cannot be specified in detail at the time of ordering. In both cases, you define an expected value, an overall limit and a period of time</t>
  </si>
  <si>
    <t>Where can I create limit items?</t>
  </si>
  <si>
    <t>How do I create items for services?</t>
  </si>
  <si>
    <t>To create an item for a service, you can go to the field limit items when creating a purchase order.</t>
  </si>
  <si>
    <t>How to create a limit item?</t>
  </si>
  <si>
    <t>Where do I generate a limit item?</t>
  </si>
  <si>
    <t>Why do I get an error when the system displays the limit item in the service entry sheet?</t>
  </si>
  <si>
    <t>If you record the performed services and their price and quantity using the Manage Service Entry Sheets - Lean Services app, the system displays the Expected Value of the limit item in the service entry sheet and reports an error if the stated amount exceeds the Overall Limit.</t>
  </si>
  <si>
    <t>What function does the item category Subcontracting fulfill?</t>
  </si>
  <si>
    <r>
      <t>If you choose the item category </t>
    </r>
    <r>
      <rPr>
        <b/>
        <sz val="12"/>
        <color theme="1"/>
        <rFont val="Calibri"/>
        <family val="2"/>
        <scheme val="minor"/>
      </rPr>
      <t>Subcontracting</t>
    </r>
    <r>
      <rPr>
        <sz val="12"/>
        <color theme="1"/>
        <rFont val="Calibri"/>
        <family val="2"/>
        <scheme val="minor"/>
      </rPr>
      <t>, you can provide the details for the subcontracting components in the purchase order item screen, in the section </t>
    </r>
    <r>
      <rPr>
        <b/>
        <sz val="12"/>
        <color theme="1"/>
        <rFont val="Calibri"/>
        <family val="2"/>
        <scheme val="minor"/>
      </rPr>
      <t>Schedule Lines</t>
    </r>
    <r>
      <rPr>
        <sz val="12"/>
        <color theme="1"/>
        <rFont val="Calibri"/>
        <family val="2"/>
        <scheme val="minor"/>
      </rPr>
      <t>.</t>
    </r>
  </si>
  <si>
    <t>What's the item category subcontracting for?</t>
  </si>
  <si>
    <t>When do I need to use subcontracting?</t>
  </si>
  <si>
    <t>Which item categories are available?</t>
  </si>
  <si>
    <t>Between which item categories can I choose?</t>
  </si>
  <si>
    <t>What does Incoterms stand for?</t>
  </si>
  <si>
    <t>The Incoterms rules or International Commercial Terms are a series of pre-defined commercial terms published by the International Chamber of Commerce (ICC).</t>
  </si>
  <si>
    <t>What does Incoterms mean?</t>
  </si>
  <si>
    <t>How is the net value of the order that is issued in a foreign currency calculated?</t>
  </si>
  <si>
    <t>If the PO is issued in a foreign currency, the system calculates the net value of the order based on the ruling exchange rate defined in your system.</t>
  </si>
  <si>
    <t>How to calculate the net value of an order in a foreign currency?</t>
  </si>
  <si>
    <t>When can I use a purchase contract for limit?</t>
  </si>
  <si>
    <t>You can use a purchase contract for limit if you want to engage a service provider to repair a machine, but you do not yet know which services are required in detail.</t>
  </si>
  <si>
    <t>When do I use the product type group Service?</t>
  </si>
  <si>
    <t>When to use which item category?</t>
  </si>
  <si>
    <t>For example, you can use a purchase contract for limit if you want to engage a service provider to repair a machine, but you do not yet know which services are required in detail. You can use a purchase contract for materials if you want to order goods in general.</t>
  </si>
  <si>
    <t>When do I need to use which item category?</t>
  </si>
  <si>
    <t>How do I create a limit item?</t>
  </si>
  <si>
    <t>If you are creating a new order you can click on the Items tab which will guide you to the given category. You can choose to create an limit item on the right hand side which will open you up a more detailed overview.</t>
  </si>
  <si>
    <t>How is a limit item being created?</t>
  </si>
  <si>
    <t>How can one create a limit item?</t>
  </si>
  <si>
    <t>How do I define the limit amounts?</t>
  </si>
  <si>
    <t>You can define the limit amounts in the purchase order item whilst you are creating a limit item with the product type group Service.</t>
  </si>
  <si>
    <t>How are limit amounts defined?</t>
  </si>
  <si>
    <t>How do I assign the purchase contract to a limit?</t>
  </si>
  <si>
    <t>You assign the purchase contract to this limit by entering the number of the contract into the Contract for Limit field as the source of supply.</t>
  </si>
  <si>
    <t>Where do I put the number of the contract for limit items?</t>
  </si>
  <si>
    <t>Where do I find contact information?</t>
  </si>
  <si>
    <t>Contact information can be found under the Supplier Contact. Namely, you can enter or view data for a contact person at the supplier, namely an 
identifier or the name of the Salesperson, the salesperson´s Telephone number,
and reference data for the contact person.</t>
  </si>
  <si>
    <t>Where do I find information about the contact person?</t>
  </si>
  <si>
    <t>Can you tell me the salesperson´s Telephone number?</t>
  </si>
  <si>
    <t>Where can I add information about the Salesperson?</t>
  </si>
  <si>
    <t xml:space="preserve">In the field Salesperson, you can enter a free text with up to 30 characters.
</t>
  </si>
  <si>
    <t>Add information about sales person?</t>
  </si>
  <si>
    <t>Can I add additional info about the Salesperson?</t>
  </si>
  <si>
    <t>How can I identify the person responsible for the purchase order?</t>
  </si>
  <si>
    <t>Who is responsible for the purchase order?</t>
  </si>
  <si>
    <t>Tell me the supplier's reference.</t>
  </si>
  <si>
    <t>Name me the supülier's reference.</t>
  </si>
  <si>
    <t>Where can I find the supplier´s reference?</t>
  </si>
  <si>
    <t>Can I filter for the contact person?</t>
  </si>
  <si>
    <t>Yes, you can activate the filter to use for the salesperson.</t>
  </si>
  <si>
    <t xml:space="preserve">Can I filter a purchase order by the contact person? </t>
  </si>
  <si>
    <t>How can I find a purchase order by its contact person?</t>
  </si>
  <si>
    <t>Why can't I find the data of the contact person in the master data of the supplier?</t>
  </si>
  <si>
    <t>Where can I find information about the contact person?</t>
  </si>
  <si>
    <t>Is there a draft available for Output Items?</t>
  </si>
  <si>
    <t>There is no draft for output items available, but you can use the duplicate button to work more efficiently.</t>
  </si>
  <si>
    <t>Draft for output items?</t>
  </si>
  <si>
    <t>What does the Duplicate button do?</t>
  </si>
  <si>
    <t>With the help of the duplicate button you are able to copy your already existing purchase order to create a new and slightly different version</t>
  </si>
  <si>
    <t>When to use the duplicate button?</t>
  </si>
  <si>
    <t>How can I duplicate my order?</t>
  </si>
  <si>
    <t>Please right click on the browser tab and choose 'duplicate'.</t>
  </si>
  <si>
    <t>How can I duplicate the order?</t>
  </si>
  <si>
    <t>Where can I duplicate my order?</t>
  </si>
  <si>
    <t>Where can I duplicate the order?</t>
  </si>
  <si>
    <t>Why have the changes I made not been taken into account?</t>
  </si>
  <si>
    <t>Please consider rechecking your input details or reformulating your question.</t>
  </si>
  <si>
    <t>Why have the changes I made not been considered?</t>
  </si>
  <si>
    <t>What do the statuses of the output item mean?</t>
  </si>
  <si>
    <t>The status of an output item determines the actions that you can perform. In preparation: You can still edit your output item. To be ouput: Your output item has been marked for output and a batch job has been scheduled. Error: If there's an error during form rendering, the system tries to preview the current data. Completed</t>
  </si>
  <si>
    <t>How to use an output item</t>
  </si>
  <si>
    <t>How do I use an output item?</t>
  </si>
  <si>
    <t>How do I print output items?</t>
  </si>
  <si>
    <t>How to print output items?</t>
  </si>
  <si>
    <t>If you would like to add a manual output item, you can do that under the output management tab.</t>
  </si>
  <si>
    <t>Where can I change the settings for printing?</t>
  </si>
  <si>
    <r>
      <t xml:space="preserve">If you want to change the settings for printing, please choose channel </t>
    </r>
    <r>
      <rPr>
        <b/>
        <sz val="12"/>
        <color theme="1"/>
        <rFont val="Calibri"/>
        <family val="2"/>
        <scheme val="minor"/>
      </rPr>
      <t>Print</t>
    </r>
    <r>
      <rPr>
        <sz val="12"/>
        <color theme="1"/>
        <rFont val="Calibri"/>
        <family val="2"/>
        <scheme val="minor"/>
      </rPr>
      <t xml:space="preserve"> or </t>
    </r>
    <r>
      <rPr>
        <b/>
        <sz val="12"/>
        <color theme="1"/>
        <rFont val="Calibri"/>
        <family val="2"/>
        <scheme val="minor"/>
      </rPr>
      <t>Email</t>
    </r>
    <r>
      <rPr>
        <sz val="12"/>
        <color theme="1"/>
        <rFont val="Calibri"/>
        <family val="2"/>
        <scheme val="minor"/>
      </rPr>
      <t>.</t>
    </r>
  </si>
  <si>
    <t>I need to change the settings for printing.</t>
  </si>
  <si>
    <t>Can I change the output details?</t>
  </si>
  <si>
    <t>How can I change the output details?</t>
  </si>
  <si>
    <t>Where can I change the output details?</t>
  </si>
  <si>
    <t>How do I change the number of the copies?</t>
  </si>
  <si>
    <t>Which apps can I use to create, edit or display purchase orders?</t>
  </si>
  <si>
    <r>
      <t xml:space="preserve">You can use the following apps to create, edit or display purchase orders: </t>
    </r>
    <r>
      <rPr>
        <b/>
        <sz val="12"/>
        <color rgb="FF000000"/>
        <rFont val="Calibri"/>
        <family val="2"/>
        <scheme val="minor"/>
      </rPr>
      <t>Manage Purchase Orders</t>
    </r>
    <r>
      <rPr>
        <sz val="12"/>
        <color rgb="FF000000"/>
        <rFont val="Calibri"/>
        <family val="2"/>
        <scheme val="minor"/>
      </rPr>
      <t> (Fiori app</t>
    </r>
    <r>
      <rPr>
        <b/>
        <sz val="12"/>
        <color rgb="FF000000"/>
        <rFont val="Calibri"/>
        <family val="2"/>
        <scheme val="minor"/>
      </rPr>
      <t>), Create Purchase Order - Advanced </t>
    </r>
    <r>
      <rPr>
        <sz val="12"/>
        <color rgb="FF000000"/>
        <rFont val="Calibri"/>
        <family val="2"/>
        <scheme val="minor"/>
      </rPr>
      <t xml:space="preserve">(classic app - SAP GUI for HTML) or </t>
    </r>
    <r>
      <rPr>
        <b/>
        <sz val="12"/>
        <color rgb="FF000000"/>
        <rFont val="Calibri"/>
        <family val="2"/>
        <scheme val="minor"/>
      </rPr>
      <t>My Purchasing Document Items </t>
    </r>
    <r>
      <rPr>
        <sz val="12"/>
        <color rgb="FF000000"/>
        <rFont val="Calibri"/>
        <family val="2"/>
        <scheme val="minor"/>
      </rPr>
      <t>(Fiori app)</t>
    </r>
  </si>
  <si>
    <t>My purchase order, which I withdrew from approval and then changed, keeps the status "Rejected" although I saved it to send it again for approval. Why is the status not changed?</t>
  </si>
  <si>
    <t>You can send the purchase order again for approval after you have made changes in the fields that are relevant for retriggering of the approval workflow. These fields are, for example: Company Code, Purchasing Organization, Purchasing Group, Currency, Incoterms (Header Level), Plant, Material Group, Total Net Order Value, Outline Agreement. 
For more information, see Manage Workflows for Purchase Orders</t>
  </si>
  <si>
    <t>Why is a specific cost center or a specific G/L account not found when I search
 using the value help (F4)</t>
  </si>
  <si>
    <r>
      <t>If you want to search a cost center successfully, use a wild card character "*" 
before </t>
    </r>
    <r>
      <rPr>
        <b/>
        <sz val="12"/>
        <color rgb="FF000000"/>
        <rFont val="Calibri"/>
        <family val="2"/>
        <scheme val="minor"/>
      </rPr>
      <t>and</t>
    </r>
    <r>
      <rPr>
        <sz val="12"/>
        <color rgb="FF000000"/>
        <rFont val="Calibri"/>
        <family val="2"/>
        <scheme val="minor"/>
      </rPr>
      <t> after your search string, for example: "</t>
    </r>
    <r>
      <rPr>
        <b/>
        <sz val="12"/>
        <color rgb="FF000000"/>
        <rFont val="Calibri"/>
        <family val="2"/>
        <scheme val="minor"/>
      </rPr>
      <t>*</t>
    </r>
    <r>
      <rPr>
        <sz val="12"/>
        <color rgb="FF000000"/>
        <rFont val="Calibri"/>
        <family val="2"/>
        <scheme val="minor"/>
      </rPr>
      <t>1010</t>
    </r>
    <r>
      <rPr>
        <b/>
        <sz val="12"/>
        <color rgb="FF000000"/>
        <rFont val="Calibri"/>
        <family val="2"/>
        <scheme val="minor"/>
      </rPr>
      <t>*</t>
    </r>
    <r>
      <rPr>
        <sz val="12"/>
        <color rgb="FF000000"/>
        <rFont val="Calibri"/>
        <family val="2"/>
        <scheme val="minor"/>
      </rPr>
      <t>". Then the fuzzy search will propose all cost centers or G/L accounts that match the entered string by 80% at least.</t>
    </r>
  </si>
  <si>
    <t>Can't find cost center for G/L account with value help.</t>
  </si>
  <si>
    <t>Why can't I display the commitment in a newly created purchase order?</t>
  </si>
  <si>
    <r>
      <t>The commitment update must have been released for the accounting object. In case of a cost center, a user with the role </t>
    </r>
    <r>
      <rPr>
        <i/>
        <sz val="12"/>
        <color rgb="FF000000"/>
        <rFont val="Calibri"/>
        <family val="2"/>
        <scheme val="minor"/>
      </rPr>
      <t>Cost Accountant - Overhead</t>
    </r>
    <r>
      <rPr>
        <sz val="12"/>
        <color rgb="FF000000"/>
        <rFont val="Calibri"/>
        <family val="2"/>
        <scheme val="minor"/>
      </rPr>
      <t> can do this as follows:  
-Open the Manage Cost Centers app.
-Go to the Control tab.
-Check whether the control indicator Lock Commitment Updates has been switched off.</t>
    </r>
  </si>
  <si>
    <t>Not able to display commitment in a new purchase order.</t>
  </si>
  <si>
    <t>Why is the name of the country in a delivery address not printed in the language 
of this country?</t>
  </si>
  <si>
    <t>The receiver address (delivery address) has to comply with international postal regulations. These rules provide that the "country" of the receiver address, needs to be in the language of the sender, so that the local postal service can clearly understand which country a document should be sent to. The rest of the address has to be in the language of the receiver, so that the local postal service in the recipient country can read and process it further.</t>
  </si>
  <si>
    <t>Name of the country for a delivery is printed in another language?</t>
  </si>
  <si>
    <t>Name of country not printed in language of this country?</t>
  </si>
  <si>
    <t>How can I change the conversion factor between the order unit and the
 price unit?</t>
  </si>
  <si>
    <t>You can change the default conversion factor for both physical and non-physical units in the Create Purchase Order - Advanced app (go to the Item Details section, Quantity/Weights tab). 
Note: In the Manage Purchase Orders app, you can display items with a changed conversion factor, but you cannot change the factor itself.</t>
  </si>
  <si>
    <t>I want to change the conversion factor between price and order unit.</t>
  </si>
  <si>
    <t>Can I display items with a changed conversion factor?</t>
  </si>
  <si>
    <t>In the Manage Purchase Orders app, you can display items with a changed conversion factor, but you cannot change the factor itself.</t>
  </si>
  <si>
    <t>How to display items with changed conversion factor?</t>
  </si>
  <si>
    <t>Why must the two fields "Goods Receipt" and "Goods Receipt-Based Invoice 
Verification" have the same value?</t>
  </si>
  <si>
    <t xml:space="preserve">If you decide that a service entry sheet is to be created, this also means that the
 invoice is to be based on the goods receipt that is created in the background 
once a service entry sheet has been approved. Therefore, in this case you also 
have to select the GR-Bsd Inv. Verif. indicator. </t>
  </si>
  <si>
    <t>What is the number for an international supplier?</t>
  </si>
  <si>
    <t>The number for an international supplier is 17300001.</t>
  </si>
  <si>
    <t>What is the number for a national supplier?</t>
  </si>
  <si>
    <t>The number for a national supplier is 10300001.</t>
  </si>
  <si>
    <t>Where can I see an overview of all supplier numbers?</t>
  </si>
  <si>
    <t>To see an overwiew of the supplier numbers, please go to the field 'Supplier' in 'General Information' and click on the rectangles on the right. Here you can filter supplier number by different values and get an overwiev over all existing numbers.</t>
  </si>
  <si>
    <t>Can I search a data base for supplier numbers?</t>
  </si>
  <si>
    <t>Is there an overview available for all supplier numbers?</t>
  </si>
  <si>
    <t>What does the abbreviation NB mean?</t>
  </si>
  <si>
    <t>NB stands for the standard document type.</t>
  </si>
  <si>
    <t>Meaning of NB?</t>
  </si>
  <si>
    <t>What does the abbreviation Z* mean?</t>
  </si>
  <si>
    <t>Z* stands for the customer-defined purchase order types.</t>
  </si>
  <si>
    <t>What does G/L stand for?</t>
  </si>
  <si>
    <t>G/L stands for General Ledger.</t>
  </si>
  <si>
    <t>Can I generate output for a purchase order that is on hold?</t>
  </si>
  <si>
    <t>No, a purchase order must be approved before the output can be generated. If a purchase order is on hold, then:
•	Edit option is not applicable to the Messages tab
•	New outputs cannot be generated</t>
  </si>
  <si>
    <t>Can I change the default conversion factor?</t>
  </si>
  <si>
    <t>You can change the default conversion factor for both physical and non-physical units in the Create Purchase Order - Advanced app (go to the Item Details section, Quantity/Weights tab). Please note: In the Manage Purchase Orders app, you can display items with a changed conversion factor, but not change the factor itself. For more information, see the in-app help for the Price Unit field in the Manage Purchase Orders app.</t>
  </si>
  <si>
    <t>what is PO</t>
  </si>
  <si>
    <t>The purchase order is a document used to request items or services from a vendor at an agreed upon price and delivery date.</t>
  </si>
  <si>
    <t>What's a Purchase Order?</t>
  </si>
  <si>
    <t>Purchase order</t>
  </si>
  <si>
    <t xml:space="preserve">What does the abbreviation CO mean? </t>
  </si>
  <si>
    <t>CO stands for Cost Object.</t>
  </si>
  <si>
    <t>What is a WBS element?</t>
  </si>
  <si>
    <t>The Work Breakdown Structure (WBS; Commonly known as WBS Element) in SAP's Project System, is a hierarchy, which breaks down a project into smaller components: It is done in order to better define, organize and control the total work of a project. It is a cost element like cost center or an order and can be used in account assignment.</t>
  </si>
  <si>
    <t>What is the material master?</t>
  </si>
  <si>
    <t>The material master contains the total of all material master records. This is where we manage the data off all our materials.</t>
  </si>
  <si>
    <t>When to use material master?</t>
  </si>
  <si>
    <t>Where do I put in the work package name?</t>
  </si>
  <si>
    <t>How is freight added?</t>
  </si>
  <si>
    <t>Freight can be added as surcharge (absolute or procentual value) in the pricing conditions. Furthermore, freight for a purchase order belongs to the master data in the category pricing. The system uses this as well as prices, discounts for materials and business partners, surcharges, sales taxes, and planned costs for customs to calculate a net value in a business document.</t>
  </si>
  <si>
    <t>Why can´t I change a PO in S/4 HANA that has been created in an external
 system/API?</t>
  </si>
  <si>
    <t>The Purchase orders created from external systems cannot be changed in S/4 
systems. If such Purchase Orders shall be changed then this has to be done in the external 
system which is the leading system in this case.  </t>
  </si>
  <si>
    <t>Is there a size limit for API POST transactions that can be increased in our system to prevent an error …?</t>
  </si>
  <si>
    <t>No, there is no size limit for API POST transactions. An output of up to 20 error messages is possible.</t>
  </si>
  <si>
    <t>Is there a maximum of PO items that can be posted per Purchase Order?</t>
  </si>
  <si>
    <t>No,  there  is no maximum of Purchase Order Items that can be posted per Purchase Order.</t>
  </si>
  <si>
    <t>What can I do if the Manage Purchase Orders app is missing in the app list?</t>
  </si>
  <si>
    <t>Maybe the app is not published on your launch pad. Please go to "App Finder" underneath your user picture and search for the app. If you can find the app, add the tile by clicking on the pin. If not, please give a notice to your administration team.</t>
  </si>
  <si>
    <t>Why is the MPO app missing in the app list?</t>
  </si>
  <si>
    <t>How can I change the PO layout?</t>
  </si>
  <si>
    <t>How can I convert a number into a text description?</t>
  </si>
  <si>
    <t>How can I adjust the purchase order layout?</t>
  </si>
  <si>
    <t xml:space="preserve">How can I prevent a PO from getting lost if the connection broke when clicking
 on purchase order execution? </t>
  </si>
  <si>
    <t>When number range gaps are present it is usually because an error or interrupt
 occurs in the update task after a PO is saved. The Purchase Order number range
 is buffered so the PO number is assigned and gets lost if a termination occurs.
What can cause the gap in the numbers sequence: 
• If an application server is shut down, the numbers that are left in the buffer 
(that is, that are not yet assigned) are lost. As a result, there are gaps in the 
number assignment.
• The status of the number range interval reflects the next free number that has
 not yet been transferred to an application server for intermediate buffering.
 The current number level therefore does not display the number of the "next"
 object.
• If you use several application servers, the numerical sequence will not reflect 
the (chronological) insert sequence because the numbers are buffered 
separately on the individual hosts.</t>
  </si>
  <si>
    <t>How can I prevent a purchase order from getting lost if the connection broke when clicking on purchase order execution?</t>
  </si>
  <si>
    <t>How can I prevent a gap in the number range of purchase orders?</t>
  </si>
  <si>
    <t>How can I prevent the automatic transfer of manual pricing conditions from one item to another in a PO?</t>
  </si>
  <si>
    <t>Notice that the info record is being updated by the changed PO item if you do not flag the info update check box.</t>
  </si>
  <si>
    <t>Is there any relation between document date and Info Record Update flag?</t>
  </si>
  <si>
    <t>The Info Record will be updated every time, as long as the flag for info-update in PO is active.</t>
  </si>
  <si>
    <t>Does the Info Record Update flag influence manually added conditions?</t>
  </si>
  <si>
    <t>if the document type is changed?</t>
  </si>
  <si>
    <t>Please follow the PO email setup guide https://help.sap.com/viewer/0e602d466b99490187fcbb30d1dc897c/1911.500/en-US/ceeb8059ce984943bfe9bbc7e464cd0b.html 
Make sure the email template name is correctly configured, example YY1_00800238_CRT_19 
Even the smallest typing mistakes will lead to errors.</t>
  </si>
  <si>
    <t>What can I do if I used the correct configurations, but the email is still not being triggered?</t>
  </si>
  <si>
    <t>In the App Maintain Email Templates under Customs column you may have maintained the wrong entry or just made a typing mistake. Please maintain the entry as YY1_00800238_CRT_19. If you have no sufficient authorizations for this action, please inform your administration team.</t>
  </si>
  <si>
    <t>My configurations are correct, but there is still no email being triggered?</t>
  </si>
  <si>
    <t>How can I prevent the workflow from being re-triggered after changes in the net price
or PO quantity?</t>
  </si>
  <si>
    <t>As per the current workflow design for Purchase Orders, a modification of some 
fields will re-trigger workflow. 
With “SSCUI - 103345 - Manage Conditions to Restart Flexible Workflow” you 
can deactivate and control the fields responsible for the management of 
retriggered workflows.
In “SSCUI 101097 - Activate Flexible Workflow for Purchase Orders” you can
control for which PO document types workflow should be triggered. If you have no sufficient authorizations for this action, please inform your administration team.</t>
  </si>
  <si>
    <t>The changing of which fields will re-trigger the workflow?</t>
  </si>
  <si>
    <t>As per the current workflow design for Purchase Orders, a modification of the following 
fields will re-trigger workflow: 
•Company Code
•Purchasing Organization
•Purchasing Group
•Currency
•Incoterms
•Plant
•Material Group
•Net Order Price
•Order Quantity
•Outline Agreement</t>
  </si>
  <si>
    <t>Which fields will retrigger a workflow if I change them?</t>
  </si>
  <si>
    <r>
      <t xml:space="preserve">What can I do to resolve the error message: </t>
    </r>
    <r>
      <rPr>
        <sz val="12"/>
        <color rgb="FF000000"/>
        <rFont val="Calibri"/>
        <family val="2"/>
        <scheme val="minor"/>
      </rPr>
      <t>' An error has occurred while delivering the order items in the background that cannot be processed in the program.'?</t>
    </r>
  </si>
  <si>
    <t>Please keep the fields Delivery Creation Date and CalcRuleDefltDlvCrDt blank, 
solely enter the purchase order number and then execute.
Please make sure to post a committed quantity in the delivery schedule, 
this should solve the problem.</t>
  </si>
  <si>
    <t>My PO cannot be generated due to an error message, what can I do? Error message VL248</t>
  </si>
  <si>
    <t>Please ensure that there is a confirm quantity in the Sales Order Item. The selection date in VL01N should be the same or greater than the confirmed date in Sales Order.</t>
  </si>
  <si>
    <t>The PO is displaying an incorrect value for the “value to be invoiced” item. 
It shows higher numbers than those for the net value of the PO. How can this problem be fixed?</t>
  </si>
  <si>
    <t xml:space="preserve">The logic for calculation of 'Value to be Invoiced' is considered as follows:
Value to be invoiced = (Order Quantity - Invoiced Quantity) * Price of a single unit.
We do not consider the logic of subtracting Invoiced value from Net Order Value as there are chances that the partial invoice is done for X quantities at a Discounted price. However, for the rest of the quantities, the price would be considered at standard value.
 </t>
  </si>
  <si>
    <t>Why is the Material Sales Text missing in the output form?</t>
  </si>
  <si>
    <t xml:space="preserve">SAP delivers a standard template MM_PUR_PURCHASE_ORDER for purchase order outputs. This standard template is generally used to generate purchase order outputs. If you cannot see the fields in your output, then it might be possible that they are not part of the standard form template. To add more fields or to remove certain fields in the standard form template you must edit it to match your requirements. To edit form templates, you must contact your administrator. You will need Adobe LiveCycle Designer (ALD) 10.4 or higher to edit the form templates. Refer Form Templates for more details. 
</t>
  </si>
  <si>
    <t>Why is the output form for Subcontracting Purchase Orders missing text?</t>
  </si>
  <si>
    <t>Why is the output form for Subcontracting Purchase Orders missing a specific topic or a category?</t>
  </si>
  <si>
    <t>Why is the output form for Subcontracting Purchase Orders missing a category?</t>
  </si>
  <si>
    <t>How can I edit form templates?</t>
  </si>
  <si>
    <t>How to maintain the configuration:
1. Login to the system with user having configuration rights.
2. Go to app Manage Your Solution
3. Click on Configure Your Solution
4. Go to Sourcing and Procurement &gt; Output Control &gt; Define Texts for Purchase Order
5. Click on Configure
6. Create a new entry for Text for Document Items with following details: -
o Document - NB
o Item Category - L
o Object - EKPO
o Text Id - F03
And a sequence number not conflicting with other entries already maintained.
If in denial, please contact your IT department.</t>
  </si>
  <si>
    <t>How to modify form templates?</t>
  </si>
  <si>
    <t>How can I get an overview of the changes I made in a PO? Can I see this in the “My Inbox/Outbox” App?</t>
  </si>
  <si>
    <t>The factsheet dynamically picks up the current values for the My Inbox and My Outbox Apps directly from the database. A saved record for an overview of changes being made is available. To see any changes the approver needs to go to the change log of the document.</t>
  </si>
  <si>
    <t>How can I switch the purchase order slip into the change mode?</t>
  </si>
  <si>
    <t>With the following steps you will be able to change the purchase order.
·        Search your PO 4100002504
·        Select the radio button of the PO
·        Press the button 'Withdraw from Approval'
·        For changing the PO click on the selected item.</t>
  </si>
  <si>
    <t>Can i convert the PO slip into the change mode?</t>
  </si>
  <si>
    <t>How does the system treat Purchase Requisitions? What technique does it 
use when creating the PO’s?</t>
  </si>
  <si>
    <t>When the EBAN-ADRNR field is filled in a purchase requisition, if you create a purchase order with reference to it, the system copies the manual address (so it has the same content) and it again generates a new manual address entry in the ADRC table and assigns this new address number to the new purchase order item. (EKPO-ADRNR). During delivery create the different reference item delivery numbers will always cause a delivery split. For more information, please read the Knowledge Base Article 2271056.</t>
  </si>
  <si>
    <t>How can I prevent the error message “Field GVS_TC_DATA-REC-PARTNER (1) 
is not an input field” when creating a PO in the 1908 version of the app?</t>
  </si>
  <si>
    <t>The Item Category YTAB uses the Partner Determination Procedure "T". Therefore "No Item Partners" are allowed with this item category which is the root cause of this issue.</t>
  </si>
  <si>
    <t>Why does the app show an “Error in workflow processing” in the approval status, 
but no error in the approval details?</t>
  </si>
  <si>
    <t>If the workflow agent is not able to determine, we get this error. Please ask your admin team to check whether the corresponding workflow is active and the agent is available to approve. Workflow Admin error logs can also be checked if we have any exceptions raised in workflow agent determination by the Badi. Also to solve the issue it is suggested to complete the process instance manually. This should trigger again the result callback, which is needed by the application.</t>
  </si>
  <si>
    <t>Why do I get an error after the approval of a purchase order with reference to purchase 
requisition whilst the status is still in approval?</t>
  </si>
  <si>
    <t xml:space="preserve"> When the Badi is executed during the save of the PO the OrderedQuantity in the PR is not updated. This is updated once the PO is saved.
The Cancel Workflow option in the app Workflows in status error cancels the workflow, but this does not do any changes to the PO. Instead the Withdraw from Approval option should be used to withdraw the PO and cancel the workflow so that both the PO and workflow have consistent statuses. Please note that  a critical change to the PO is required to send it again for approval.</t>
  </si>
  <si>
    <t>Why is the shipping instructions header text missing in the PO form?
How can I solve this problem?</t>
  </si>
  <si>
    <t>In standard only the PO header text type F01 is delivered. If you would like to output additional text types, please inform your administration team.</t>
  </si>
  <si>
    <t>How can I get an approval at item level or at supplier invoice level for my purchase order?</t>
  </si>
  <si>
    <t xml:space="preserve">As informed by development team, this is a missing functionality.
</t>
  </si>
  <si>
    <t>What solution can you give us so that notifications arrive correctly depending on 
the position?</t>
  </si>
  <si>
    <t>Why can´t I post a goods receipt for a purchase order with down payment?</t>
  </si>
  <si>
    <t>Whether an inbound delivery is necessary before a GR or not, depends on the customizing settings of the confirmation control key.
In the customizing of the confirmation control key there is a field 'GR Assignment' (V_T163G-WEZUO).
If this field is set and you try to do a GR against a PO with that confirmation control key, you
will be stopped by the error M7036 'No goods receipt possible ...' If the flag is not set, you will be able to make the goods receipt without error against the PO item.
The confirmation control key is 0001 as well as sequence AB and LA. The AB acknowledgements are enter 
and during the GR the system picks the LA next where the 'GR Assignment' is set, meaning an inbound delivery is required. 
If you create an inbound delivery you will then be able to receive the inbound delivery in MIGO without error.
If you do not want to use an inbound delivery you can use the confirmation control keys 0002 or 0003 which will not need an inbound delivery for the receiving.
For further information please follow this link: https://launchpad.support.sap.com/#/notes/2029396</t>
  </si>
  <si>
    <t>Not able to post GR for a PO with downpayment?</t>
  </si>
  <si>
    <t>Can you please elaborate on " use ADT feed reader "SAP Gateway Error Log" 
or run transaction /IWFND/ERROR_LOG on SAP Gateway hub system "?</t>
  </si>
  <si>
    <t>The plant in the payload seems to be invalid, please proofread your data…</t>
  </si>
  <si>
    <t>Did this problem only occur after an update?</t>
  </si>
  <si>
    <t>Please consider reformulating you question for more information on how we can help you.</t>
  </si>
  <si>
    <t>Can Consignment Purchase Orders be created via an API?</t>
  </si>
  <si>
    <t xml:space="preserve">API_PURCHASEORDER_PROCESS_SRV supports only standard, subcontracting, enhanced limit and third-party item categories for the PO creation APIs. Pleas refer to the help documentation which also conveys the same;
https://help.sap.com/viewer/bb9f1469daf04bd894ab2167f8132a1a/2002.500/en-US/acd2da57df6cc525e10000000a4450e5.html
 </t>
  </si>
  <si>
    <t>How can I upload a huge amount of Purchase Orders via the Open Purchase Order template in the 
migration cockpit if the template has no provision given for custom fields?</t>
  </si>
  <si>
    <t>The SAP S/4HANA Cloud Data Migration content (migration templates and predefined mapping rules) is based on the pre-configured SAP S/4HANA Cloud business processes.
Unfortunately this means, that custom fields cannot be included in the migration job. For more information please also consider KBA 2683477</t>
  </si>
  <si>
    <t>Can I modify standard fields in the Manage Purchase Orders App to filter for overdue Purchase Orders?</t>
  </si>
  <si>
    <t>How to adjust standard fields in MPO App to filter orverdue orders?</t>
  </si>
  <si>
    <t>Can I use the "Mass Changes to Purchase Orders" App to filter only those positions that are overdue?</t>
  </si>
  <si>
    <t>Yes, in the "Mass Changes to Purchase Orders" App there is a delivery date field which can be used to enter date ranges and filter the Purchase Orders that way.</t>
  </si>
  <si>
    <t>Is it possible to attach a file to a Purchase Order in approval?</t>
  </si>
  <si>
    <t>The purchase order has to be approved, rejected or withdrawn form approval before an attachment can be added and saved. You also have the option to use the 'Withdraw from Approval' functionality in the APP 'Manage Purchase Orders' after which changes can be made. Please refer to the attached KBA 2578251 on this point. https://launchpad.support.sap.com/#/notes/2578251
2</t>
  </si>
  <si>
    <t>Can I add a file to a PO in approval?</t>
  </si>
  <si>
    <t>Can I decide, who can read the price of a Purchase Order?</t>
  </si>
  <si>
    <t>As of the standard system design, it is not possible to do this, but you may consider a workaround. Please take a look into the BadI MM_PUR_S4_PO_FLDCNTRL_SIMPLE to control whether the net price field should be open for editing or visible under your own conditions.</t>
  </si>
  <si>
    <t>How can I control which users are able to read the price of a PO?</t>
  </si>
  <si>
    <t>Is it possible to set up email notifications for users that need to approve a purchase order?</t>
  </si>
  <si>
    <t>You can set up email notifications for users to approve the Purchase Order or if a PO is rejected by using the app Maintain Email Templates. Follow these steps: 
1) Email notification for recipients of workflow items (approvers):
Copy the predelivered email template SWF_CRT_NOTIFY_RECIPIENTS
2) Email notification for workflow initiators (purchasers) in case of workflow approval:
Copy the predelivered email template SWF_WORKFLOW_COMPLETE_NOTIFY (COMPLETE_POSITIVE for approved|)
3) Email notification for workflow initiators (purchasers) in case of workflow rejection:
Copy the predelivered email template SWF_WORKFLOW_COMPLETE_NOTIFY (COMPLETE_NEGATIVE for rejected)
Please also refer to https://s4hanacloud.community.sap/questions/A1GyDOOdgD7i8wQ9ALnuqf</t>
  </si>
  <si>
    <t>How can I set up email notifications for creators or approvers of a PO?</t>
  </si>
  <si>
    <t>Why do I get an error in the workflow of the approval process after changing the quantity of a Purchase Order?</t>
  </si>
  <si>
    <t>Please check whether the automatic workflow in the Manage Workflows for Purchase Orders App is activated. 
It is recommended to always have this active to have a fall back workflow. You can find more information under this link: 
https://help.sap.com/viewer/0e602d466b99490187fcbb30d1dc897c/2002.500/en-US/46c9e5b6ba7a4feeb920ca1cbad68c73.html</t>
  </si>
  <si>
    <t>Why do I get locked out whilst working in S/4HANA in service orders, service contracts or projects?</t>
  </si>
  <si>
    <t>Please consider maintaining the exchange rate by referring to KBA 2575708.</t>
  </si>
  <si>
    <t>Why can't I edit a purchase order that is in approval?</t>
  </si>
  <si>
    <t>This is the standard behaviour of a PO in the approval process. It can't be modified to preserve the 
original values sent to the approver. However, you have the option to withdraw the PO from approval to edit it and then start the approval process once again.</t>
  </si>
  <si>
    <t>What can I do if the change of a collective number relaunches the approval workflow of a PO despite the fact that the according field is not activated in the configuration?</t>
  </si>
  <si>
    <t>The 'collective number' field belongs to the structures that will restart the workflow, hence you cannot control a retrigger of it.</t>
  </si>
  <si>
    <t>Why do I get an error message "The selected object cannot be deleted" in the Manage Purchase Orders App when I deleted a PO Item in the draft status and then tried to delete the PO?</t>
  </si>
  <si>
    <t xml:space="preserve">This error message occurs when you tried to change a PO and left it without saving, which creates a draft. The 'Delete' function that you can see in the initial level of the App 'Manage Purchase Orders' is intended for technical Draft Documents ONLY. The PO items can be flagged for deletion either using the 'Change Purchase Order - Advanced' Webgui tile or via APP 'Manage Purchase Orders' &gt; items &gt; Delete.
As a best practise to delete such a PO draft, you should access the document again in the APP and discard the changes using the cancel button. </t>
  </si>
  <si>
    <t>Why is the output type missing when I want to preview the printout by going to Purchase Order &gt; Messages?</t>
  </si>
  <si>
    <t xml:space="preserve">SAP decided not to allow creating output line items for a held status or before approving the document. Hence you cannot see Messages in change mode. To check the data kindly use the create/change purchase order advanced app.
</t>
  </si>
  <si>
    <t>Why does the PO created through an API not take the functional area I put in, after assigning it to Z?</t>
  </si>
  <si>
    <t>There are two ways the correct functional area can be passed to the PO from the API.
So to avoid this problem of a defaulted functional area, consider the following:
1. If the wbs that is used is not a statistical wbs, then the functional area is taken from the API correctly.
2.If you use a statistical wbs, but in addition to the wbs also enter the cost center in the payload, then the functional area from the API is used in this case as well.</t>
  </si>
  <si>
    <t>How is it possible to make the API accept the functional area from the payload?</t>
  </si>
  <si>
    <t>How can I set up a user for restricted access to certain company codes?</t>
  </si>
  <si>
    <t>In the APP 'Maintain Business Roles' you can set up restrictions on the Purchase Organisation, Purchasing Group or Document type depending on your requirenment.</t>
  </si>
  <si>
    <t>Why can a user with restricted access to certain company codes see Purchase Orders from Company Codes in the Manage Purchase Orders App to which they have no access?</t>
  </si>
  <si>
    <t>How can I convert a Purchase Requistion to a Purchase Order?</t>
  </si>
  <si>
    <t>To fix this issue, please refer to the following FAQ blog post in our Cloud Customer Community:  https://s4hanacloud.community.sap/blogs/show/x2ZiSzyyJVez5wXMYTZDSP</t>
  </si>
  <si>
    <t>What is the flexible workflow for PR and PO?</t>
  </si>
  <si>
    <t>Why can the text field of the purchase order line item be printed and previewed in the test system,
 but not in the production system?</t>
  </si>
  <si>
    <t>It is possible that this is caused by missing entries for the document type.
Please check whether the following entries were put in correctly for a standard purchase order: 
Document Type = NB/Custom Document Type
Item Category = Standard which is represented by space
Object = EKPO
Text Id = F01</t>
  </si>
  <si>
    <t>Why can only the first email address of the supplier receive a mail after the approval of the purchase order?</t>
  </si>
  <si>
    <t>Please check whether this comes from the fact that one email address is picked from the supplier master data and the other one from the output parameter determination app.</t>
  </si>
  <si>
    <t>Is it possible to set up multiple email addresses as recipients?</t>
  </si>
  <si>
    <t>Yes, it is possible to set up multiple email addresses as recipients. Output Control offers the Email Recipient determination step (within Output Parameter Determination) to
individually configure multiple email addresses and their usage (TO, CC, BCC). The settings in this determination
step overwrite the default email address from the business application.</t>
  </si>
  <si>
    <t>When is the purchase order output sent?</t>
  </si>
  <si>
    <t>Case 1:  When purchase order workflow is available and activated
The purchase order output will be sent to the supplier and marked as Completed when the purchase order is approved. 
Case 2: When purchase order workflows are not configured
The purchase order output will be sent to the supplier and marked as Completed when the purchase order is saved.</t>
  </si>
  <si>
    <t>Why is it that I can only use the net price to approve a purchase order instead of approving it with the tax-included price?</t>
  </si>
  <si>
    <t xml:space="preserve">In the standard workflow design a pre-condition of the net amount or net price does not indlude the tax amount. However, you can achieve your business requirement with creating a custom pre-condition.  Please refer to following attached KBA which provides all the necessary information: 
2767845 - How to define new Procurement Pre-conditions in Manage Workflow Apps 
2841783 - How to define new Pre-condition in Manage Workflow for Purchase orders 
 </t>
  </si>
  <si>
    <t>The error "Condition DCD1 cannot be processed manually" is shown. What causes this issue and how can it be avoided in the future?</t>
  </si>
  <si>
    <t>If the condition DCD1 is set as Header condition, changes made will be applied to all items.
For example, in the purchase order:
1) Go to section 'Delivery and Invoice'
2) Enter a value either via field 'Terms of Payment' or directly in field 'Days 1 / In Percent'
Then, the condition type DCD1 is set on header level and applies to all items.
If you want to give a specific discount for an item, another discount condition type should be used or created. For example, you may use condition type DRN1.</t>
  </si>
  <si>
    <t>How can I delete items of my Purchase Order? By now, the items are only marked for deletion.</t>
  </si>
  <si>
    <t>Once a Purchase Order is ordered, it is only possible to mark an item for deletion, not actually delete it. The document items are never deleted from the database.</t>
  </si>
  <si>
    <t>Why is the material short text of the purchase order shown in a different language than the vendors language?</t>
  </si>
  <si>
    <t>As per standard system design, when a PO is created e.g. in English, the system will pick up the material description based on the vendor language. But for the supplier master data for a purchase order the logon language needs to be maintained properly, too.</t>
  </si>
  <si>
    <t>How can I limit the quantity of the Purchase order to be less or equal to the limit of the purchase requisistion it is being created from?</t>
  </si>
  <si>
    <t>To solve this, you can add an error message "The quantity of PO cannot be more than that of PR ". For more information, please check KBA 2789232. To avoid the creation of the Purchase Orders, you can use the BadI mentioned in this Cloud Community Blog: 
https://s4hanacloud.community.sap/blogs/show/BkJporUxmursM3yj41SIkK</t>
  </si>
  <si>
    <t>How can I prevent the creation of Purchase Orders, so that they d not exceed the quantity of the Purchase Requsition?</t>
  </si>
  <si>
    <t>To avoid the creation of the Purchase Orders, you can use the BadI mentioned in this Cloud Community Blog: 
https://s4hanacloud.community.sap/blogs/show/BkJporUxmursM3yj41SIkK</t>
  </si>
  <si>
    <t>Why is my Purchase Order that is assigned to Automatic Release stuck in approval?</t>
  </si>
  <si>
    <t>The status of the new Purchase Orders is not updated because the automated workflow fails with a locking error.  For a resolution you can try to withdraw the POs from approval and save them again.</t>
  </si>
  <si>
    <t>Why is no delivery type assigned to an item for returns processing?</t>
  </si>
  <si>
    <t>When the supplier in the Purchase Order has no plant assignment you can mark the returns flag and the system will find Return delivery type 'RL' by default from customising. 
When the supplier in the Purchase Order is assigned to a plant, to create a return you would use Purchase Order type NBF2, without the necessity to set the retuns indicator. The process is described in scope item 2TS 'Intercompany Stock Transfer Returns'</t>
  </si>
  <si>
    <t>What shall I do if I get error ME392?</t>
  </si>
  <si>
    <t>Why do I get an error to provide a validity start date when creating a Purchase Order in the MPO App?</t>
  </si>
  <si>
    <t>Why is it that some purchase order types can be selected in the app Create Purchase Orders, but not in Manage Purchase Orders?</t>
  </si>
  <si>
    <t>Why are custom purchase order types not listed under the field Purchase Order Type in the app Manage Purchase Orders?</t>
  </si>
  <si>
    <t>This may occur because the field selection key is not defined same as that of standard document types. To solve this problem, please take the following steps:
In Manage Your Solution app, under Application Area: Sourcing and Procurement and Sub Application Area: Operational Procurement
Select SSCUI 102909 - Define Document Types
Under the column 'FieldSelKey.', maintain field selection key value same as standard document types</t>
  </si>
  <si>
    <t>Why are already deleted Purchase Order items still shown in the Purchase Order form?</t>
  </si>
  <si>
    <t>The standard behavior from Purchase Order side is: if the item is deleted, it will be printed in the output with the change text for the first time (notes included). The reason for deleting the item needs to be communicated to the supplier. Now if new output is generated after it and deleted and the item is not changed, then this item will not be printed (not even notes for the deleted item). For more information on this, take a look at the Cloud Customer Community:https://s4hanacloud.community.sap/questions/B6wUiVUEZV8ZyGtD3ijvGq</t>
  </si>
  <si>
    <t>Why are the email notifications I set up not send?</t>
  </si>
  <si>
    <t>Why is the workflow notification that triggers an email after triggering the workflow not send?</t>
  </si>
  <si>
    <t>Regarding missing email notfications after triggering a workflow, please follow the guidelines at the SAP Help Portal: https://help.sap.com/viewer/af9ef57f504840d2b81be8667206d485/1909.002/en-US/ceeb8059ce984943bfe9bbc7e464cd0b.html and KBA 2838665.</t>
  </si>
  <si>
    <t>How can one change the heading for a purchasing document type NB2 and ZRET in the cloud/system?</t>
  </si>
  <si>
    <t>To solve this you can use SSCUI - Define Document Types to copy existing standard entries and create new ones. Here you are allowed to change the document type name and its description as well. Please note: Once you copy and create a new/custom document type, you cannot delete the document type. 
See attached KBA 2685355 - How to create a custom Purchasing Document.</t>
  </si>
  <si>
    <t>Why are unit price and net amount set to 0.0 in the Output form?</t>
  </si>
  <si>
    <t>The reason for the price and net amount to be set to 0.0 lies in a customizing change to the print indicators in the pricing procedure. To solve this issue, please set the Print Type to "a at item: General" for relevant pricing procedure using SSCUI - 101117 - Set Pricing Procedure.</t>
  </si>
  <si>
    <t>Why did the system take the PR items in descending order as a reference, after I converted the purchase requisition items to a purchase order?</t>
  </si>
  <si>
    <t>The sort order of items from PR only kept if:
the option 'Per requisition' is marked / checked in the PR / PO.
- or - 
the option 'Generate Schedule Lines' is *not* marked / checked. (sort order: 1.Material number, 2. Requisition Item).
For further information about this topic, please take a look at KBA 1921750: https://launchpad.support.sap.com/#/notes/1921750</t>
  </si>
  <si>
    <t>I converted a Purchase Requisition into an automatic Purchase Order. Why is the sort order of the items in the PO different from the sort order in the Purchase Requisition?</t>
  </si>
  <si>
    <t>Why can't I configure a determination step called 'Output Relevance'  for the Output Type 'Purchase Orders' in the Cloud?</t>
  </si>
  <si>
    <t>Since there is only one output type available, it needs to be marked as true to generate an output. If the configuration of this step is not available in the customer system, it is considered true by the framework by default.</t>
  </si>
  <si>
    <t>Why can't I create a Purchase Order for a specific Purchasing Group?/ Sub Finance 304</t>
  </si>
  <si>
    <t>You may find that the fault lays in not maintaining the exchange rate correctly. If this is the case, the Purchase Order check is failing. Please maintain the exchange rate by using the app 'Maintain Exchange Rates'. For more information consider a look at KBA 2659359.</t>
  </si>
  <si>
    <t>How can I change the date format in the standard email template of Purchase Orders?</t>
  </si>
  <si>
    <t>You can change the format of time and date in the standard email by having administrator authrizations. Please go to the Maintain Business Users app and change the settings under 'Identity and Access Management'. Furthermore you should know, that the date displayed for the email is based on the default system of its sender.</t>
  </si>
  <si>
    <t>How can one ensure to use different tax codes based on the WBS element (and the used material)?</t>
  </si>
  <si>
    <t>When there is an account assignment the system will always take the tax code from the tax condition record.
Without account assignment it looks for the tax code in order of priority. To furthermore understand the tax code determination logic in the Purchase Order, please take a look at Note 501054: https://launchpad.support.sap.com/#/notes/501054</t>
  </si>
  <si>
    <t>How to determine the tax code based on the WBS element?</t>
  </si>
  <si>
    <t>How can a Purchase Order automatically be approved if its status is always in approval?</t>
  </si>
  <si>
    <t>If you have changed the workflow during the release for a PO e.g., it can cause inconsistencies. Please refer to the following KBAs for further information on how  to solve this issue: 
KBA 2578251
KBA 2800331</t>
  </si>
  <si>
    <t>How can I set up worklow approvals with several levels of approval?</t>
  </si>
  <si>
    <t>You can set up custom preconditions for this scenario using the BADi SWF_WORKFLOW_CONDITION_DEF and then evaluating it in.
You can find more information here:
2767845 - How to define new Procurement Pre-conditions in Manage Workflow Apps
2841783 - How to define new Pre-condition in Manage Workflow for Purchase orders
You can also check these blogs for help and the Cloud Customer Community as well:
https://s4hanacloud.community.sap/blogs/show/F1NCL4sw23dv2pDB6sL60i
https://s4hanacloud.community.sap/blogs/show/QeWUSmC8kvDogQqREviIZk</t>
  </si>
  <si>
    <t xml:space="preserve">How does one get informed about a new KBA or Note from SAP that fits my problem?
</t>
  </si>
  <si>
    <t xml:space="preserve">
When such KBAs/notes are released to customers, it will be available in the one support launchpad. You should be able to access them filtering/searching with the issue details or functionality names or cloud release search terms. 
Or an even better way to get to know them is via your CSM - Customer success manager. You can approach your CSM and they can get in touch with SAP and update you on any new KBAs/notes releases pertaining to issues or functionality changes. </t>
  </si>
  <si>
    <t>Why is the automatically generated output for STO POs with order type UB in Q and P system missing?</t>
  </si>
  <si>
    <t xml:space="preserve">To solve this issue, please follow these steps: 
1. Create a new supplier(dummy).
2. Configure the dispatch time as scheduled for document type UB in Output Determination configuration under Output Type section.
3. Please add an entry for the above created  supplier and role as VN in partners section of purchase order before saving the purchase order. Output will be auto generated. 
 </t>
  </si>
  <si>
    <t>Why is my PO not closed, but in the status of a follow on document?</t>
  </si>
  <si>
    <t>((Two PO exist for related project / WBS and final invoice has been flaaged for both of them))
Cannot close a Purchase Order, the error "There is still a purchase order commitment for wbs x" occurs.</t>
  </si>
  <si>
    <t>If the project can not be closed because of the open Purchase orders, then you could do one of these:
- if the invoices in question are PO based, then these should be reversed and rebookeed as PO invoices and this should solve the problem.
- if you do not want to reverse and rebook the invoices, and you do not need these purchase orders anymore, you could mark the PO items as deleted, and archive them.</t>
  </si>
  <si>
    <t>Why cant I receive email notifications after the creation of a Purchase Order?</t>
  </si>
  <si>
    <t>Please check wheter you did actualy maintain the email adresses for the notifications in the SSCUI. The adresses need to be maintained there in order to send out notifications to the approvers. Please try to create your Purchase Order afterwards to solve this problem.</t>
  </si>
  <si>
    <t>Why do I get an PO output message for an item after it has been deleted?</t>
  </si>
  <si>
    <t>The output message of a deleted item is still shown, because the supplier needs to know that the item was deleted or changed.</t>
  </si>
  <si>
    <t>Why is it that the FI Accounting document does not take over the Account Assignement Object when the GR is created, but partially does this, when the invoice is created through MIRO?</t>
  </si>
  <si>
    <t>You can alternatively use the FI Substitution to clear the Cost Center, Sales Order or Internal order. For further information please refer to SAP Note 42615.</t>
  </si>
  <si>
    <t>Why is the Monitor Purchase Orders app showing the status "Delivery Complete" set to "no", when the PO Items already have been delivered?</t>
  </si>
  <si>
    <t>Please try to set the flags for "Delivery completed" and "Final Invoice" for the PO items manually if needed.</t>
  </si>
  <si>
    <t xml:space="preserve"> I want to convert a Purchase Requisition into a standard Purchase Order with the App 'Schedule Purchasing Jobs - Advanced'. Why is there an error in picking the Purchase Requisition?</t>
  </si>
  <si>
    <t xml:space="preserve">If a PR is not selected, you can use the information and hints for analysis in the attached KBA's 2674890 and 2647977.
https://launchpad.support.sap.com/#/notes/2647977
https://launchpad.support.sap.com/#/notes/2674890
So basically a manual simulation of the PO creation will give a clearer indication of why a PO is not being created in the background job. </t>
  </si>
  <si>
    <t>Why can I still edit the Net Price of a Purchase Order after creating follow up documents like an invoice?</t>
  </si>
  <si>
    <t>When I delete a Purchase Order line item, another one also dissapears. Why does that happen and how can I prevent it?</t>
  </si>
  <si>
    <t>This is a standard system behaviour. Deleted items are marked with the deletion flag 'IsDeleted' as 'L'. If the item is marked for deletion and it does not have any change text associated to it, then it is removed. Otherwise the items get printed out in the form. Please take a look at the following link to understand the standard behaviour better: https://s4hanacloud.community.sap/questions/B6wUiVUEZV8ZyGtD3ijvGq</t>
  </si>
  <si>
    <t>To understand the detailed process of how to add taxes to the Purchase Order Output, please refer to the according SAP Community Blog post: https://blogs.sap.com/2019/06/25/output-management-adding-taxes-to-purchase-order-output/</t>
  </si>
  <si>
    <t>The system shows "Error in the number of digits of Manage Purchase Orders". What can I do to prevent this?</t>
  </si>
  <si>
    <t>In the APP you can only use the maximum 9 digits to the left of the decimal separator. If you have Purchase Order items with higher amounts, the value needs to be spread across additional items. For detailed information please refer to KBA 2998009.</t>
  </si>
  <si>
    <t>Is it possible to set a necessary confirmation or cancellation of an order after it has been changed?</t>
  </si>
  <si>
    <t xml:space="preserve">Fields Relevant to Printouts of Changes NAME DES SSCUIs, https://blogs.sap.com/2017/11/21/output-management-customize-master-form-for-logo-address-tel-fax-email/ </t>
  </si>
  <si>
    <t>Why do I get the error message "you are not authorized to use this function" when clicking the 'Configure' button for an SSCUI in the Manage Your Solution App?</t>
  </si>
  <si>
    <t>Please check your settings and consider adding the business role to the user as described in KBA 2852833 to be able to access the SSCUI configurations. Please follow this link: https://launchpad.support.sap.com/#/notes/2852833</t>
  </si>
  <si>
    <t>Can I create a Purchase Order with reference to a deleted Purchase Requisition?</t>
  </si>
  <si>
    <t>How can I copy existing workflows?</t>
  </si>
  <si>
    <t>It is possible to copy existing workflows. To understand this issue, please follow this link to our Help Portal: https://help.sap.com/viewer/0e602d466b99490187fcbb30d1dc897c/2011.500/en-US/219eb93eee0c4604bd8ecfba1b24f3a7.html</t>
  </si>
  <si>
    <t>What can I do if I get an error when trying to download an attachement from the App Display Purchase Orders Advanced?</t>
  </si>
  <si>
    <t>If you have troubles accessing the documents 'SAPHTTP, SAPFTP, SAPKPROTP' please take a look at KBA 317250 tol solve the issue: https://launchpad.support.sap.com/#/notes/317250</t>
  </si>
  <si>
    <t>The PO material cannot be changed after GR reversal</t>
  </si>
  <si>
    <t>Can I create a Purchase Order with multiple lines with different delivery addresses?</t>
  </si>
  <si>
    <t>Yes, you can create POs with different delivery addresses per line item. The standard system behaviour is as follows: The ship-to address is always printed at the header level. This address is taken from the first line item and if any item has a different ship-to address than the header, the according address will be printed under this item.</t>
  </si>
  <si>
    <t>Can I create a new Purchase Order Type?</t>
  </si>
  <si>
    <t>You can create a new Purchase Order Type using the SSCUI 102909. For more information, take a look into the KBA 2873100 - New Purchase Order Document type: https://launchpad.support.sap.com/#/notes/2873100</t>
  </si>
  <si>
    <t>What is RM06EV70</t>
  </si>
  <si>
    <t>RM06EV70 is a pre-processing report for archiving the object MM_EKKO. Fur further information, please check KBA 1646578.</t>
  </si>
  <si>
    <t>How can one know if a user has the posting authorization for a specified G/L account?</t>
  </si>
  <si>
    <t>If the check for each company code is active, the system checks whether the user has the posting authorization for the specified account, whenever a G/L account is entered in a contract.</t>
  </si>
  <si>
    <t>How do I maintain a Periodic Invoicing Plan Type?</t>
  </si>
  <si>
    <t>To create an invoicing plan type, you must enter an alphanumeric key of max. two characters in length, plus a descriptive text. In addition, you need to maintain the relevant control data on the detail screen for the invoicing plan type. For more information on how to do this, please take a look at the SAP Help Portal: https://help.sap.com/viewer/967e1c2a6a8c4183b7e07d28e7574445/6.17.17/en-US/f680b65334e6b54ce10000000a174cb4.html?</t>
  </si>
  <si>
    <t>The implementation of this function is not available. However, you have the 
ability to transfer header and item texts to the Purchase Order form. For extensibility, please contact your IT department.</t>
  </si>
  <si>
    <t xml:space="preserve">This feature is not yet included. However, you can use the opportunity to submit
an improvement request. For a detailed description of SAP Customer Influence, please take a look at the user documentation see https://help.sap.com/doc/378cd4d4fb064eddada42046bbda9c45/1/en-US/S4HC_CustInfl_Docu.pdf </t>
  </si>
  <si>
    <t>The Manage Purchase Orders App uses Situation Handling when there is a deficit in the quantity of materials to be delivered by the supplier for any purchase order item.</t>
  </si>
  <si>
    <t>On the list screen of the Manage Purchase Orders App, you can select purchase orders according to their status.</t>
  </si>
  <si>
    <t>The netprice is editable in the Purchase Order even though there is already a Goods Receipt(GR)/Invoice(IV) posted against the Purchase Order(PO). Please take a look at the attached KBA 2871724 - Possible to change "net price" after follow on document created in Purchase Order. https://launchpad.support.sap.com/#/notes/2871724</t>
  </si>
  <si>
    <t>How can I add taxes to the Purchase Order Output?</t>
  </si>
  <si>
    <t>As part of the standard system design, it is possible to create a Purchase Order with reference to a deleted Purchase Requisition. However, the net price and quantity will not be copied from the PR and therefore the system triggers following error: "Net price must be greater than zero".
For this case, please just enter the quantity and net price details manually and proceed with the creation of your PO. Please refer to https://blogs.sap.com/2020/02/17/how-to-avoid-purchase-order-creation-once-the-purchase-requisition-quantity-is-exceeded-badi-implementation-for-final-check-before-save/</t>
  </si>
  <si>
    <t>Once you have a follow on document posted it is no longer possible to change a material ID and many other elements of a PO item. Error MEPO 086 is the result of a standard system behaviour. Please refer to the attached KBA for more info on how to solve this issue https://launchpad.support.sap.com/#/notes/2252548.</t>
  </si>
  <si>
    <t>Answers</t>
  </si>
  <si>
    <t>Questions</t>
  </si>
  <si>
    <t>There is no such a status called "Closed" available, the status available are:
Deleted
Draft
Follow-on Documents
In Approval
Not Yet Sent
Output Error
Rejected
Sent
The Follow-On Documents Status is related to the PO that has an Item from Supplier Invoice.
For further information on this topic, please take a look on the SAP Help Portal: https://help.sap.com/viewer/index</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fonts count="14" x14ac:knownFonts="1">
    <font>
      <sz val="11"/>
      <color theme="1"/>
      <name val="Calibri"/>
      <family val="2"/>
      <scheme val="minor"/>
    </font>
    <font>
      <u/>
      <sz val="11"/>
      <color theme="10"/>
      <name val="Calibri"/>
      <family val="2"/>
      <scheme val="minor"/>
    </font>
    <font>
      <b/>
      <sz val="16"/>
      <color rgb="FF0070C0"/>
      <name val="Calibri"/>
      <family val="2"/>
      <scheme val="minor"/>
    </font>
    <font>
      <sz val="12"/>
      <color theme="1"/>
      <name val="Calibri"/>
      <family val="2"/>
      <scheme val="minor"/>
    </font>
    <font>
      <b/>
      <sz val="12"/>
      <color theme="1"/>
      <name val="Calibri"/>
      <family val="2"/>
      <scheme val="minor"/>
    </font>
    <font>
      <b/>
      <sz val="12"/>
      <color rgb="FF000000"/>
      <name val="Calibri"/>
      <family val="2"/>
      <scheme val="minor"/>
    </font>
    <font>
      <sz val="12"/>
      <color rgb="FF000000"/>
      <name val="Calibri"/>
      <family val="2"/>
      <scheme val="minor"/>
    </font>
    <font>
      <i/>
      <sz val="12"/>
      <color rgb="FF000000"/>
      <name val="Calibri"/>
      <family val="2"/>
      <scheme val="minor"/>
    </font>
    <font>
      <b/>
      <sz val="12"/>
      <color rgb="FF004990"/>
      <name val="Calibri"/>
      <family val="2"/>
      <scheme val="minor"/>
    </font>
    <font>
      <i/>
      <sz val="12"/>
      <color theme="1"/>
      <name val="Calibri"/>
      <family val="2"/>
      <scheme val="minor"/>
    </font>
    <font>
      <sz val="12"/>
      <color rgb="FF333333"/>
      <name val="Calibri"/>
      <family val="2"/>
      <scheme val="minor"/>
    </font>
    <font>
      <sz val="12"/>
      <name val="Calibri"/>
      <family val="2"/>
      <scheme val="minor"/>
    </font>
    <font>
      <sz val="11"/>
      <color rgb="FF000000"/>
      <name val="Calibri"/>
      <family val="2"/>
      <scheme val="minor"/>
    </font>
    <font>
      <sz val="10"/>
      <color rgb="FF000000"/>
      <name val="Calibri"/>
      <family val="2"/>
      <scheme val="minor"/>
    </font>
  </fonts>
  <fills count="4">
    <fill>
      <patternFill patternType="none"/>
    </fill>
    <fill>
      <patternFill patternType="gray125"/>
    </fill>
    <fill>
      <patternFill patternType="solid">
        <fgColor rgb="FFFFFFFF"/>
        <bgColor indexed="64"/>
      </patternFill>
    </fill>
    <fill>
      <patternFill patternType="solid">
        <fgColor theme="0"/>
        <bgColor indexed="64"/>
      </patternFill>
    </fill>
  </fills>
  <borders count="3">
    <border>
      <left/>
      <right/>
      <top/>
      <bottom/>
      <diagonal/>
    </border>
    <border>
      <left style="thin">
        <color indexed="64"/>
      </left>
      <right style="thin">
        <color indexed="64"/>
      </right>
      <top style="thin">
        <color indexed="64"/>
      </top>
      <bottom style="thin">
        <color indexed="64"/>
      </bottom>
      <diagonal/>
    </border>
    <border>
      <left style="thin">
        <color indexed="64"/>
      </left>
      <right style="thin">
        <color indexed="64"/>
      </right>
      <top style="thin">
        <color indexed="64"/>
      </top>
      <bottom/>
      <diagonal/>
    </border>
  </borders>
  <cellStyleXfs count="2">
    <xf numFmtId="0" fontId="0" fillId="0" borderId="0"/>
    <xf numFmtId="0" fontId="1" fillId="0" borderId="0" applyNumberFormat="0" applyFill="0" applyBorder="0" applyAlignment="0" applyProtection="0"/>
  </cellStyleXfs>
  <cellXfs count="33">
    <xf numFmtId="0" fontId="0" fillId="0" borderId="0" xfId="0"/>
    <xf numFmtId="0" fontId="2" fillId="0" borderId="0" xfId="0" applyFont="1"/>
    <xf numFmtId="0" fontId="2" fillId="0" borderId="1" xfId="0" applyFont="1" applyBorder="1" applyAlignment="1">
      <alignment wrapText="1"/>
    </xf>
    <xf numFmtId="0" fontId="3" fillId="0" borderId="1" xfId="0" applyFont="1" applyBorder="1" applyAlignment="1">
      <alignment wrapText="1"/>
    </xf>
    <xf numFmtId="0" fontId="3" fillId="0" borderId="1" xfId="0" applyFont="1" applyBorder="1" applyAlignment="1">
      <alignment vertical="center" wrapText="1"/>
    </xf>
    <xf numFmtId="0" fontId="3" fillId="0" borderId="1" xfId="0" applyFont="1" applyFill="1" applyBorder="1" applyAlignment="1">
      <alignment wrapText="1"/>
    </xf>
    <xf numFmtId="0" fontId="6" fillId="0" borderId="1" xfId="0" applyFont="1" applyBorder="1" applyAlignment="1">
      <alignment vertical="center" wrapText="1"/>
    </xf>
    <xf numFmtId="0" fontId="6" fillId="0" borderId="1" xfId="0" applyFont="1" applyFill="1" applyBorder="1" applyAlignment="1">
      <alignment vertical="center" wrapText="1"/>
    </xf>
    <xf numFmtId="0" fontId="3" fillId="0" borderId="1" xfId="0" applyFont="1" applyFill="1" applyBorder="1" applyAlignment="1">
      <alignment vertical="center" wrapText="1"/>
    </xf>
    <xf numFmtId="0" fontId="6" fillId="0" borderId="1" xfId="0" applyFont="1" applyBorder="1" applyAlignment="1">
      <alignment wrapText="1"/>
    </xf>
    <xf numFmtId="0" fontId="10" fillId="0" borderId="1" xfId="0" applyFont="1" applyBorder="1" applyAlignment="1">
      <alignment vertical="center" wrapText="1"/>
    </xf>
    <xf numFmtId="0" fontId="10" fillId="0" borderId="1" xfId="0" applyFont="1" applyBorder="1" applyAlignment="1">
      <alignment wrapText="1"/>
    </xf>
    <xf numFmtId="0" fontId="11" fillId="0" borderId="1" xfId="1" applyFont="1" applyBorder="1" applyAlignment="1">
      <alignment vertical="center" wrapText="1"/>
    </xf>
    <xf numFmtId="0" fontId="10" fillId="0" borderId="1" xfId="0" applyFont="1" applyFill="1" applyBorder="1" applyAlignment="1">
      <alignment vertical="center" wrapText="1"/>
    </xf>
    <xf numFmtId="0" fontId="3" fillId="0" borderId="0" xfId="0" applyFont="1"/>
    <xf numFmtId="0" fontId="6" fillId="0" borderId="1" xfId="0" applyFont="1" applyBorder="1" applyAlignment="1">
      <alignment horizontal="left" vertical="center" wrapText="1"/>
    </xf>
    <xf numFmtId="0" fontId="3" fillId="0" borderId="1" xfId="0" applyFont="1" applyBorder="1"/>
    <xf numFmtId="0" fontId="3" fillId="2" borderId="1" xfId="0" applyFont="1" applyFill="1" applyBorder="1" applyAlignment="1">
      <alignment wrapText="1"/>
    </xf>
    <xf numFmtId="0" fontId="3" fillId="3" borderId="1" xfId="0" applyFont="1" applyFill="1" applyBorder="1" applyAlignment="1">
      <alignment wrapText="1"/>
    </xf>
    <xf numFmtId="0" fontId="3" fillId="0" borderId="1" xfId="0" applyFont="1" applyFill="1" applyBorder="1"/>
    <xf numFmtId="0" fontId="0" fillId="0" borderId="1" xfId="0" applyFont="1" applyBorder="1" applyAlignment="1">
      <alignment vertical="center" wrapText="1"/>
    </xf>
    <xf numFmtId="0" fontId="12" fillId="0" borderId="0" xfId="0" applyFont="1" applyAlignment="1">
      <alignment wrapText="1"/>
    </xf>
    <xf numFmtId="0" fontId="12" fillId="0" borderId="1" xfId="0" applyFont="1" applyFill="1" applyBorder="1" applyAlignment="1">
      <alignment wrapText="1"/>
    </xf>
    <xf numFmtId="0" fontId="0" fillId="0" borderId="0" xfId="0" applyFont="1"/>
    <xf numFmtId="0" fontId="0" fillId="0" borderId="1" xfId="0" applyFont="1" applyBorder="1"/>
    <xf numFmtId="0" fontId="0" fillId="0" borderId="1" xfId="0" applyFont="1" applyBorder="1" applyAlignment="1">
      <alignment wrapText="1"/>
    </xf>
    <xf numFmtId="0" fontId="0" fillId="0" borderId="1" xfId="0" applyFont="1" applyFill="1" applyBorder="1" applyAlignment="1">
      <alignment wrapText="1"/>
    </xf>
    <xf numFmtId="0" fontId="0" fillId="0" borderId="1" xfId="0" applyFont="1" applyBorder="1" applyAlignment="1"/>
    <xf numFmtId="0" fontId="0" fillId="0" borderId="1" xfId="0" applyFont="1" applyFill="1" applyBorder="1"/>
    <xf numFmtId="0" fontId="0" fillId="0" borderId="2" xfId="0" applyFont="1" applyBorder="1"/>
    <xf numFmtId="0" fontId="0" fillId="3" borderId="1" xfId="0" applyFont="1" applyFill="1" applyBorder="1" applyAlignment="1">
      <alignment wrapText="1"/>
    </xf>
    <xf numFmtId="0" fontId="13" fillId="0" borderId="1" xfId="0" applyFont="1" applyBorder="1" applyAlignment="1">
      <alignment wrapText="1"/>
    </xf>
    <xf numFmtId="0" fontId="12" fillId="0" borderId="1" xfId="0" applyFont="1" applyBorder="1" applyAlignment="1">
      <alignment wrapText="1"/>
    </xf>
  </cellXfs>
  <cellStyles count="2">
    <cellStyle name="Hyperlink" xfId="1" builtinId="8"/>
    <cellStyle name="Normal"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7" Type="http://schemas.openxmlformats.org/officeDocument/2006/relationships/customXml" Target="../customXml/item3.xml"/><Relationship Id="rId2" Type="http://schemas.openxmlformats.org/officeDocument/2006/relationships/theme" Target="theme/theme1.xml"/><Relationship Id="rId1" Type="http://schemas.openxmlformats.org/officeDocument/2006/relationships/worksheet" Target="worksheets/sheet1.xml"/><Relationship Id="rId6" Type="http://schemas.openxmlformats.org/officeDocument/2006/relationships/customXml" Target="../customXml/item2.xml"/><Relationship Id="rId5" Type="http://schemas.openxmlformats.org/officeDocument/2006/relationships/customXml" Target="../customXml/item1.xml"/><Relationship Id="rId4" Type="http://schemas.openxmlformats.org/officeDocument/2006/relationships/sharedStrings" Target="sharedStrings.xml"/></Relationships>
</file>

<file path=xl/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printerSettings" Target="../printerSettings/printerSettings1.bin"/><Relationship Id="rId1" Type="http://schemas.openxmlformats.org/officeDocument/2006/relationships/hyperlink" Target="https://help.sap.com/viewer/0e602d466b99490187fcbb30d1dc897c/1911.500/en-US/ceeb8059ce984943bfe9bbc7e464cd0b.html" TargetMode="External"/></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7C5104C6-066C-4FAA-8351-32076C57EE21}">
  <dimension ref="A1:B270"/>
  <sheetViews>
    <sheetView tabSelected="1" zoomScale="80" zoomScaleNormal="80" workbookViewId="0">
      <pane xSplit="1" ySplit="1" topLeftCell="B23" activePane="bottomRight" state="frozen"/>
      <selection pane="topRight" activeCell="B1" sqref="B1"/>
      <selection pane="bottomLeft" activeCell="A2" sqref="A2"/>
      <selection pane="bottomRight" activeCell="A38" sqref="A38:XFD38"/>
    </sheetView>
  </sheetViews>
  <sheetFormatPr defaultRowHeight="14.4" x14ac:dyDescent="0.3"/>
  <cols>
    <col min="1" max="1" width="110" style="23" bestFit="1" customWidth="1"/>
    <col min="2" max="2" width="141.88671875" style="23" bestFit="1" customWidth="1"/>
    <col min="3" max="16384" width="8.88671875" style="23"/>
  </cols>
  <sheetData>
    <row r="1" spans="1:2" s="1" customFormat="1" ht="21" x14ac:dyDescent="0.4">
      <c r="A1" s="2" t="s">
        <v>417</v>
      </c>
      <c r="B1" s="2" t="s">
        <v>416</v>
      </c>
    </row>
    <row r="2" spans="1:2" ht="31.2" x14ac:dyDescent="0.3">
      <c r="A2" s="4" t="s">
        <v>0</v>
      </c>
      <c r="B2" s="5" t="s">
        <v>410</v>
      </c>
    </row>
    <row r="3" spans="1:2" ht="15.6" x14ac:dyDescent="0.3">
      <c r="A3" s="4" t="s">
        <v>1</v>
      </c>
      <c r="B3" s="5"/>
    </row>
    <row r="4" spans="1:2" ht="15.6" x14ac:dyDescent="0.3">
      <c r="A4" s="3" t="s">
        <v>2</v>
      </c>
      <c r="B4" s="3"/>
    </row>
    <row r="5" spans="1:2" ht="15.6" x14ac:dyDescent="0.3">
      <c r="A5" s="3" t="s">
        <v>3</v>
      </c>
      <c r="B5" s="3"/>
    </row>
    <row r="6" spans="1:2" ht="31.2" x14ac:dyDescent="0.3">
      <c r="A6" s="3" t="s">
        <v>4</v>
      </c>
      <c r="B6" s="3" t="s">
        <v>5</v>
      </c>
    </row>
    <row r="7" spans="1:2" ht="15.6" x14ac:dyDescent="0.3">
      <c r="A7" s="3" t="s">
        <v>6</v>
      </c>
      <c r="B7" s="3"/>
    </row>
    <row r="8" spans="1:2" ht="31.2" x14ac:dyDescent="0.3">
      <c r="A8" s="3" t="s">
        <v>7</v>
      </c>
      <c r="B8" s="3" t="s">
        <v>8</v>
      </c>
    </row>
    <row r="9" spans="1:2" ht="15.6" x14ac:dyDescent="0.3">
      <c r="A9" s="3" t="s">
        <v>9</v>
      </c>
      <c r="B9" s="3"/>
    </row>
    <row r="10" spans="1:2" ht="78" x14ac:dyDescent="0.3">
      <c r="A10" s="3" t="s">
        <v>10</v>
      </c>
      <c r="B10" s="5" t="s">
        <v>11</v>
      </c>
    </row>
    <row r="11" spans="1:2" ht="15.6" x14ac:dyDescent="0.3">
      <c r="A11" s="3" t="s">
        <v>12</v>
      </c>
      <c r="B11" s="5"/>
    </row>
    <row r="12" spans="1:2" ht="15.6" x14ac:dyDescent="0.3">
      <c r="A12" s="3" t="s">
        <v>13</v>
      </c>
      <c r="B12" s="3"/>
    </row>
    <row r="13" spans="1:2" ht="15.6" x14ac:dyDescent="0.3">
      <c r="A13" s="4" t="s">
        <v>14</v>
      </c>
      <c r="B13" s="3"/>
    </row>
    <row r="14" spans="1:2" ht="31.2" x14ac:dyDescent="0.3">
      <c r="A14" s="4" t="s">
        <v>15</v>
      </c>
      <c r="B14" s="5" t="s">
        <v>411</v>
      </c>
    </row>
    <row r="15" spans="1:2" ht="15.6" x14ac:dyDescent="0.3">
      <c r="A15" s="4" t="s">
        <v>16</v>
      </c>
      <c r="B15" s="5"/>
    </row>
    <row r="16" spans="1:2" ht="15.6" x14ac:dyDescent="0.3">
      <c r="A16" s="3" t="s">
        <v>17</v>
      </c>
      <c r="B16" s="3"/>
    </row>
    <row r="17" spans="1:2" ht="46.8" x14ac:dyDescent="0.3">
      <c r="A17" s="3" t="s">
        <v>18</v>
      </c>
      <c r="B17" s="6" t="s">
        <v>19</v>
      </c>
    </row>
    <row r="18" spans="1:2" ht="15.6" x14ac:dyDescent="0.3">
      <c r="A18" s="3" t="s">
        <v>20</v>
      </c>
      <c r="B18" s="6"/>
    </row>
    <row r="19" spans="1:2" ht="15.6" x14ac:dyDescent="0.3">
      <c r="A19" s="3" t="s">
        <v>21</v>
      </c>
      <c r="B19" s="6" t="s">
        <v>22</v>
      </c>
    </row>
    <row r="20" spans="1:2" ht="15.6" x14ac:dyDescent="0.3">
      <c r="A20" s="3" t="s">
        <v>23</v>
      </c>
      <c r="B20" s="6"/>
    </row>
    <row r="21" spans="1:2" ht="15.6" x14ac:dyDescent="0.3">
      <c r="A21" s="3" t="s">
        <v>24</v>
      </c>
      <c r="B21" s="6"/>
    </row>
    <row r="22" spans="1:2" ht="31.2" x14ac:dyDescent="0.3">
      <c r="A22" s="3" t="s">
        <v>25</v>
      </c>
      <c r="B22" s="6" t="s">
        <v>26</v>
      </c>
    </row>
    <row r="23" spans="1:2" ht="15.6" x14ac:dyDescent="0.3">
      <c r="A23" s="3" t="s">
        <v>27</v>
      </c>
      <c r="B23" s="6"/>
    </row>
    <row r="24" spans="1:2" ht="46.8" x14ac:dyDescent="0.3">
      <c r="A24" s="4" t="s">
        <v>28</v>
      </c>
      <c r="B24" s="6" t="s">
        <v>29</v>
      </c>
    </row>
    <row r="25" spans="1:2" ht="15.6" x14ac:dyDescent="0.3">
      <c r="A25" s="4" t="s">
        <v>30</v>
      </c>
      <c r="B25" s="6"/>
    </row>
    <row r="26" spans="1:2" ht="15.6" x14ac:dyDescent="0.3">
      <c r="A26" s="4" t="s">
        <v>31</v>
      </c>
      <c r="B26" s="6"/>
    </row>
    <row r="27" spans="1:2" ht="15.6" x14ac:dyDescent="0.3">
      <c r="A27" s="4" t="s">
        <v>32</v>
      </c>
      <c r="B27" s="6"/>
    </row>
    <row r="28" spans="1:2" ht="15.6" x14ac:dyDescent="0.3">
      <c r="A28" s="3" t="s">
        <v>33</v>
      </c>
      <c r="B28" s="6"/>
    </row>
    <row r="29" spans="1:2" ht="15.6" x14ac:dyDescent="0.3">
      <c r="A29" s="4" t="s">
        <v>34</v>
      </c>
      <c r="B29" s="6" t="s">
        <v>35</v>
      </c>
    </row>
    <row r="30" spans="1:2" ht="15.6" x14ac:dyDescent="0.3">
      <c r="A30" s="4" t="s">
        <v>36</v>
      </c>
      <c r="B30" s="6"/>
    </row>
    <row r="31" spans="1:2" ht="15.6" x14ac:dyDescent="0.3">
      <c r="A31" s="4" t="s">
        <v>37</v>
      </c>
      <c r="B31" s="6" t="s">
        <v>38</v>
      </c>
    </row>
    <row r="32" spans="1:2" ht="15.6" x14ac:dyDescent="0.3">
      <c r="A32" s="4" t="s">
        <v>39</v>
      </c>
      <c r="B32" s="6"/>
    </row>
    <row r="33" spans="1:2" ht="46.8" x14ac:dyDescent="0.3">
      <c r="A33" s="4" t="s">
        <v>40</v>
      </c>
      <c r="B33" s="7" t="s">
        <v>41</v>
      </c>
    </row>
    <row r="34" spans="1:2" ht="15.6" x14ac:dyDescent="0.3">
      <c r="A34" s="4" t="s">
        <v>42</v>
      </c>
      <c r="B34" s="7"/>
    </row>
    <row r="35" spans="1:2" ht="31.2" x14ac:dyDescent="0.3">
      <c r="A35" s="3" t="s">
        <v>43</v>
      </c>
      <c r="B35" s="7" t="s">
        <v>44</v>
      </c>
    </row>
    <row r="36" spans="1:2" ht="15.6" x14ac:dyDescent="0.3">
      <c r="A36" s="3" t="s">
        <v>45</v>
      </c>
      <c r="B36" s="7"/>
    </row>
    <row r="37" spans="1:2" ht="46.8" x14ac:dyDescent="0.3">
      <c r="A37" s="4" t="s">
        <v>46</v>
      </c>
      <c r="B37" s="6" t="s">
        <v>47</v>
      </c>
    </row>
    <row r="38" spans="1:2" ht="15.6" x14ac:dyDescent="0.3">
      <c r="A38" s="4" t="s">
        <v>48</v>
      </c>
      <c r="B38" s="6"/>
    </row>
    <row r="39" spans="1:2" ht="15.6" x14ac:dyDescent="0.3">
      <c r="A39" s="4" t="s">
        <v>49</v>
      </c>
      <c r="B39" s="6"/>
    </row>
    <row r="40" spans="1:2" ht="46.8" x14ac:dyDescent="0.3">
      <c r="A40" s="4" t="s">
        <v>50</v>
      </c>
      <c r="B40" s="4" t="s">
        <v>51</v>
      </c>
    </row>
    <row r="41" spans="1:2" ht="15.6" x14ac:dyDescent="0.3">
      <c r="A41" s="4" t="s">
        <v>52</v>
      </c>
      <c r="B41" s="4"/>
    </row>
    <row r="42" spans="1:2" ht="15.6" x14ac:dyDescent="0.3">
      <c r="A42" s="4" t="s">
        <v>53</v>
      </c>
      <c r="B42" s="4"/>
    </row>
    <row r="43" spans="1:2" ht="31.2" x14ac:dyDescent="0.3">
      <c r="A43" s="4" t="s">
        <v>54</v>
      </c>
      <c r="B43" s="4" t="s">
        <v>55</v>
      </c>
    </row>
    <row r="44" spans="1:2" ht="15.6" x14ac:dyDescent="0.3">
      <c r="A44" s="4" t="s">
        <v>56</v>
      </c>
      <c r="B44" s="4"/>
    </row>
    <row r="45" spans="1:2" ht="46.8" x14ac:dyDescent="0.3">
      <c r="A45" s="8" t="s">
        <v>57</v>
      </c>
      <c r="B45" s="4" t="s">
        <v>58</v>
      </c>
    </row>
    <row r="46" spans="1:2" ht="15.6" x14ac:dyDescent="0.3">
      <c r="A46" s="8" t="s">
        <v>59</v>
      </c>
      <c r="B46" s="4"/>
    </row>
    <row r="47" spans="1:2" ht="15.6" x14ac:dyDescent="0.3">
      <c r="A47" s="4" t="s">
        <v>60</v>
      </c>
      <c r="B47" s="4" t="s">
        <v>61</v>
      </c>
    </row>
    <row r="48" spans="1:2" ht="15.6" x14ac:dyDescent="0.3">
      <c r="A48" s="4" t="s">
        <v>62</v>
      </c>
      <c r="B48" s="4"/>
    </row>
    <row r="49" spans="1:2" ht="15.6" x14ac:dyDescent="0.3">
      <c r="A49" s="4" t="s">
        <v>63</v>
      </c>
      <c r="B49" s="4"/>
    </row>
    <row r="50" spans="1:2" ht="31.2" x14ac:dyDescent="0.3">
      <c r="A50" s="8" t="s">
        <v>64</v>
      </c>
      <c r="B50" s="4" t="s">
        <v>65</v>
      </c>
    </row>
    <row r="51" spans="1:2" ht="15.6" x14ac:dyDescent="0.3">
      <c r="A51" s="8" t="s">
        <v>66</v>
      </c>
      <c r="B51" s="4"/>
    </row>
    <row r="52" spans="1:2" ht="15.6" x14ac:dyDescent="0.3">
      <c r="A52" s="8" t="s">
        <v>67</v>
      </c>
      <c r="B52" s="4" t="s">
        <v>68</v>
      </c>
    </row>
    <row r="53" spans="1:2" ht="15.6" x14ac:dyDescent="0.3">
      <c r="A53" s="8" t="s">
        <v>69</v>
      </c>
      <c r="B53" s="4"/>
    </row>
    <row r="54" spans="1:2" ht="15.6" x14ac:dyDescent="0.3">
      <c r="A54" s="8" t="s">
        <v>70</v>
      </c>
      <c r="B54" s="4"/>
    </row>
    <row r="55" spans="1:2" ht="31.2" x14ac:dyDescent="0.3">
      <c r="A55" s="8" t="s">
        <v>71</v>
      </c>
      <c r="B55" s="4" t="s">
        <v>72</v>
      </c>
    </row>
    <row r="56" spans="1:2" ht="31.2" x14ac:dyDescent="0.3">
      <c r="A56" s="8" t="s">
        <v>73</v>
      </c>
      <c r="B56" s="4" t="s">
        <v>74</v>
      </c>
    </row>
    <row r="57" spans="1:2" ht="15.6" x14ac:dyDescent="0.3">
      <c r="A57" s="8" t="s">
        <v>75</v>
      </c>
      <c r="B57" s="4"/>
    </row>
    <row r="58" spans="1:2" ht="15.6" x14ac:dyDescent="0.3">
      <c r="A58" s="8" t="s">
        <v>76</v>
      </c>
      <c r="B58" s="4"/>
    </row>
    <row r="59" spans="1:2" ht="31.2" x14ac:dyDescent="0.3">
      <c r="A59" s="4" t="s">
        <v>77</v>
      </c>
      <c r="B59" s="4" t="s">
        <v>65</v>
      </c>
    </row>
    <row r="60" spans="1:2" ht="15.6" x14ac:dyDescent="0.3">
      <c r="A60" s="4" t="s">
        <v>78</v>
      </c>
      <c r="B60" s="4"/>
    </row>
    <row r="61" spans="1:2" ht="31.2" x14ac:dyDescent="0.3">
      <c r="A61" s="8" t="s">
        <v>79</v>
      </c>
      <c r="B61" s="4" t="s">
        <v>80</v>
      </c>
    </row>
    <row r="62" spans="1:2" ht="15.6" x14ac:dyDescent="0.3">
      <c r="A62" s="8" t="s">
        <v>81</v>
      </c>
      <c r="B62" s="4"/>
    </row>
    <row r="63" spans="1:2" ht="15.6" x14ac:dyDescent="0.3">
      <c r="A63" s="4" t="s">
        <v>82</v>
      </c>
      <c r="B63" s="4" t="s">
        <v>83</v>
      </c>
    </row>
    <row r="64" spans="1:2" ht="15.6" x14ac:dyDescent="0.3">
      <c r="A64" s="4" t="s">
        <v>84</v>
      </c>
      <c r="B64" s="4"/>
    </row>
    <row r="65" spans="1:2" ht="31.2" x14ac:dyDescent="0.3">
      <c r="A65" s="4" t="s">
        <v>85</v>
      </c>
      <c r="B65" s="4" t="s">
        <v>86</v>
      </c>
    </row>
    <row r="66" spans="1:2" ht="15.6" x14ac:dyDescent="0.3">
      <c r="A66" s="4" t="s">
        <v>87</v>
      </c>
      <c r="B66" s="3"/>
    </row>
    <row r="67" spans="1:2" ht="31.2" x14ac:dyDescent="0.3">
      <c r="A67" s="4" t="s">
        <v>88</v>
      </c>
      <c r="B67" s="3" t="s">
        <v>89</v>
      </c>
    </row>
    <row r="68" spans="1:2" ht="15.6" x14ac:dyDescent="0.3">
      <c r="A68" s="4" t="s">
        <v>90</v>
      </c>
      <c r="B68" s="3"/>
    </row>
    <row r="69" spans="1:2" ht="31.2" x14ac:dyDescent="0.3">
      <c r="A69" s="4" t="s">
        <v>91</v>
      </c>
      <c r="B69" s="4" t="s">
        <v>92</v>
      </c>
    </row>
    <row r="70" spans="1:2" ht="15.6" x14ac:dyDescent="0.3">
      <c r="A70" s="4" t="s">
        <v>93</v>
      </c>
      <c r="B70" s="4"/>
    </row>
    <row r="71" spans="1:2" ht="15.6" x14ac:dyDescent="0.3">
      <c r="A71" s="4" t="s">
        <v>94</v>
      </c>
      <c r="B71" s="4"/>
    </row>
    <row r="72" spans="1:2" ht="15.6" x14ac:dyDescent="0.3">
      <c r="A72" s="4" t="s">
        <v>69</v>
      </c>
      <c r="B72" s="4"/>
    </row>
    <row r="73" spans="1:2" ht="15.6" x14ac:dyDescent="0.3">
      <c r="A73" s="8" t="s">
        <v>95</v>
      </c>
      <c r="B73" s="4" t="s">
        <v>96</v>
      </c>
    </row>
    <row r="74" spans="1:2" ht="15.6" x14ac:dyDescent="0.3">
      <c r="A74" s="8" t="s">
        <v>97</v>
      </c>
      <c r="B74" s="4"/>
    </row>
    <row r="75" spans="1:2" ht="15.6" x14ac:dyDescent="0.3">
      <c r="A75" s="4" t="s">
        <v>98</v>
      </c>
      <c r="B75" s="8" t="s">
        <v>99</v>
      </c>
    </row>
    <row r="76" spans="1:2" ht="15.6" x14ac:dyDescent="0.3">
      <c r="A76" s="8" t="s">
        <v>100</v>
      </c>
      <c r="B76" s="3"/>
    </row>
    <row r="77" spans="1:2" ht="46.8" x14ac:dyDescent="0.3">
      <c r="A77" s="4" t="s">
        <v>101</v>
      </c>
      <c r="B77" s="6" t="s">
        <v>102</v>
      </c>
    </row>
    <row r="78" spans="1:2" ht="15.6" x14ac:dyDescent="0.3">
      <c r="A78" s="4" t="s">
        <v>103</v>
      </c>
      <c r="B78" s="6"/>
    </row>
    <row r="79" spans="1:2" ht="15.6" x14ac:dyDescent="0.3">
      <c r="A79" s="3" t="s">
        <v>104</v>
      </c>
      <c r="B79" s="3"/>
    </row>
    <row r="80" spans="1:2" ht="31.2" x14ac:dyDescent="0.3">
      <c r="A80" s="4" t="s">
        <v>105</v>
      </c>
      <c r="B80" s="3" t="s">
        <v>106</v>
      </c>
    </row>
    <row r="81" spans="1:2" ht="15.6" x14ac:dyDescent="0.3">
      <c r="A81" s="4" t="s">
        <v>107</v>
      </c>
      <c r="B81" s="3"/>
    </row>
    <row r="82" spans="1:2" ht="15.6" x14ac:dyDescent="0.3">
      <c r="A82" s="4" t="s">
        <v>108</v>
      </c>
      <c r="B82" s="3"/>
    </row>
    <row r="83" spans="1:2" ht="15.6" x14ac:dyDescent="0.3">
      <c r="A83" s="4" t="s">
        <v>109</v>
      </c>
      <c r="B83" s="3"/>
    </row>
    <row r="84" spans="1:2" ht="15.6" x14ac:dyDescent="0.3">
      <c r="A84" s="4" t="s">
        <v>110</v>
      </c>
      <c r="B84" s="3"/>
    </row>
    <row r="85" spans="1:2" ht="15.6" x14ac:dyDescent="0.3">
      <c r="A85" s="3" t="s">
        <v>111</v>
      </c>
      <c r="B85" s="3"/>
    </row>
    <row r="86" spans="1:2" ht="15.6" x14ac:dyDescent="0.3">
      <c r="A86" s="3" t="s">
        <v>112</v>
      </c>
      <c r="B86" s="3"/>
    </row>
    <row r="87" spans="1:2" ht="15.6" x14ac:dyDescent="0.3">
      <c r="A87" s="3" t="s">
        <v>113</v>
      </c>
      <c r="B87" s="3"/>
    </row>
    <row r="88" spans="1:2" ht="15.6" x14ac:dyDescent="0.3">
      <c r="A88" s="4" t="s">
        <v>114</v>
      </c>
      <c r="B88" s="3" t="s">
        <v>115</v>
      </c>
    </row>
    <row r="89" spans="1:2" ht="15.6" x14ac:dyDescent="0.3">
      <c r="A89" s="4" t="s">
        <v>116</v>
      </c>
      <c r="B89" s="3"/>
    </row>
    <row r="90" spans="1:2" ht="15.6" x14ac:dyDescent="0.3">
      <c r="A90" s="3" t="s">
        <v>117</v>
      </c>
      <c r="B90" s="3"/>
    </row>
    <row r="91" spans="1:2" ht="15.6" x14ac:dyDescent="0.3">
      <c r="A91" s="4" t="s">
        <v>118</v>
      </c>
      <c r="B91" s="3"/>
    </row>
    <row r="92" spans="1:2" ht="15.6" x14ac:dyDescent="0.3">
      <c r="A92" s="4" t="s">
        <v>119</v>
      </c>
      <c r="B92" s="3"/>
    </row>
    <row r="93" spans="1:2" ht="15.6" x14ac:dyDescent="0.3">
      <c r="A93" s="4" t="s">
        <v>120</v>
      </c>
      <c r="B93" s="3" t="s">
        <v>121</v>
      </c>
    </row>
    <row r="94" spans="1:2" ht="15.6" x14ac:dyDescent="0.3">
      <c r="A94" s="4" t="s">
        <v>122</v>
      </c>
      <c r="B94" s="3"/>
    </row>
    <row r="95" spans="1:2" ht="15.6" x14ac:dyDescent="0.3">
      <c r="A95" s="4" t="s">
        <v>123</v>
      </c>
      <c r="B95" s="3" t="s">
        <v>124</v>
      </c>
    </row>
    <row r="96" spans="1:2" ht="15.6" x14ac:dyDescent="0.3">
      <c r="A96" s="4" t="s">
        <v>125</v>
      </c>
      <c r="B96" s="3"/>
    </row>
    <row r="97" spans="1:2" ht="15.6" x14ac:dyDescent="0.3">
      <c r="A97" s="4" t="s">
        <v>126</v>
      </c>
      <c r="B97" s="3" t="s">
        <v>127</v>
      </c>
    </row>
    <row r="98" spans="1:2" ht="15.6" x14ac:dyDescent="0.3">
      <c r="A98" s="3" t="s">
        <v>128</v>
      </c>
      <c r="B98" s="3"/>
    </row>
    <row r="99" spans="1:2" ht="15.6" x14ac:dyDescent="0.3">
      <c r="A99" s="3" t="s">
        <v>129</v>
      </c>
      <c r="B99" s="3"/>
    </row>
    <row r="100" spans="1:2" ht="15.6" x14ac:dyDescent="0.3">
      <c r="A100" s="3" t="s">
        <v>130</v>
      </c>
      <c r="B100" s="3"/>
    </row>
    <row r="101" spans="1:2" ht="15.6" x14ac:dyDescent="0.3">
      <c r="A101" s="6" t="s">
        <v>131</v>
      </c>
      <c r="B101" s="3" t="s">
        <v>132</v>
      </c>
    </row>
    <row r="102" spans="1:2" ht="15.6" x14ac:dyDescent="0.3">
      <c r="A102" s="6" t="s">
        <v>133</v>
      </c>
      <c r="B102" s="3"/>
    </row>
    <row r="103" spans="1:2" ht="46.8" x14ac:dyDescent="0.3">
      <c r="A103" s="3" t="s">
        <v>134</v>
      </c>
      <c r="B103" s="3" t="s">
        <v>135</v>
      </c>
    </row>
    <row r="104" spans="1:2" ht="15.6" x14ac:dyDescent="0.3">
      <c r="A104" s="3" t="s">
        <v>136</v>
      </c>
      <c r="B104" s="3"/>
    </row>
    <row r="105" spans="1:2" ht="15.6" x14ac:dyDescent="0.3">
      <c r="A105" s="3" t="s">
        <v>137</v>
      </c>
      <c r="B105" s="3"/>
    </row>
    <row r="106" spans="1:2" ht="15.6" x14ac:dyDescent="0.3">
      <c r="A106" s="3" t="s">
        <v>138</v>
      </c>
      <c r="B106" s="3"/>
    </row>
    <row r="107" spans="1:2" ht="15.6" x14ac:dyDescent="0.3">
      <c r="A107" s="4" t="s">
        <v>139</v>
      </c>
      <c r="B107" s="3" t="s">
        <v>140</v>
      </c>
    </row>
    <row r="108" spans="1:2" ht="15.6" x14ac:dyDescent="0.3">
      <c r="A108" s="3" t="s">
        <v>141</v>
      </c>
      <c r="B108" s="4" t="s">
        <v>142</v>
      </c>
    </row>
    <row r="109" spans="1:2" ht="15.6" x14ac:dyDescent="0.3">
      <c r="A109" s="3" t="s">
        <v>143</v>
      </c>
      <c r="B109" s="4"/>
    </row>
    <row r="110" spans="1:2" ht="15.6" x14ac:dyDescent="0.3">
      <c r="A110" s="4" t="s">
        <v>144</v>
      </c>
      <c r="B110" s="3"/>
    </row>
    <row r="111" spans="1:2" ht="15.6" x14ac:dyDescent="0.3">
      <c r="A111" s="4" t="s">
        <v>145</v>
      </c>
      <c r="B111" s="3"/>
    </row>
    <row r="112" spans="1:2" ht="15.6" x14ac:dyDescent="0.3">
      <c r="A112" s="3" t="s">
        <v>146</v>
      </c>
      <c r="B112" s="3"/>
    </row>
    <row r="113" spans="1:2" ht="15.6" x14ac:dyDescent="0.3">
      <c r="A113" s="4" t="s">
        <v>147</v>
      </c>
      <c r="B113" s="3"/>
    </row>
    <row r="114" spans="1:2" ht="15.6" x14ac:dyDescent="0.3">
      <c r="A114" s="3"/>
      <c r="B114" s="3"/>
    </row>
    <row r="115" spans="1:2" ht="31.2" x14ac:dyDescent="0.3">
      <c r="A115" s="6" t="s">
        <v>148</v>
      </c>
      <c r="B115" s="6" t="s">
        <v>149</v>
      </c>
    </row>
    <row r="116" spans="1:2" ht="62.4" x14ac:dyDescent="0.3">
      <c r="A116" s="6" t="s">
        <v>150</v>
      </c>
      <c r="B116" s="6" t="s">
        <v>151</v>
      </c>
    </row>
    <row r="117" spans="1:2" ht="46.8" x14ac:dyDescent="0.3">
      <c r="A117" s="3" t="s">
        <v>152</v>
      </c>
      <c r="B117" s="6" t="s">
        <v>153</v>
      </c>
    </row>
    <row r="118" spans="1:2" ht="15.6" x14ac:dyDescent="0.3">
      <c r="A118" s="3" t="s">
        <v>154</v>
      </c>
      <c r="B118" s="6"/>
    </row>
    <row r="119" spans="1:2" ht="78" x14ac:dyDescent="0.3">
      <c r="A119" s="3" t="s">
        <v>155</v>
      </c>
      <c r="B119" s="6" t="s">
        <v>156</v>
      </c>
    </row>
    <row r="120" spans="1:2" ht="15.6" x14ac:dyDescent="0.3">
      <c r="A120" s="3" t="s">
        <v>157</v>
      </c>
      <c r="B120" s="6"/>
    </row>
    <row r="121" spans="1:2" ht="62.4" x14ac:dyDescent="0.3">
      <c r="A121" s="9" t="s">
        <v>158</v>
      </c>
      <c r="B121" s="6" t="s">
        <v>159</v>
      </c>
    </row>
    <row r="122" spans="1:2" ht="15.6" x14ac:dyDescent="0.3">
      <c r="A122" s="9" t="s">
        <v>160</v>
      </c>
      <c r="B122" s="6"/>
    </row>
    <row r="123" spans="1:2" ht="15.6" x14ac:dyDescent="0.3">
      <c r="A123" s="9" t="s">
        <v>161</v>
      </c>
      <c r="B123" s="6"/>
    </row>
    <row r="124" spans="1:2" ht="46.8" x14ac:dyDescent="0.3">
      <c r="A124" s="3" t="s">
        <v>162</v>
      </c>
      <c r="B124" s="4" t="s">
        <v>163</v>
      </c>
    </row>
    <row r="125" spans="1:2" ht="15.6" x14ac:dyDescent="0.3">
      <c r="A125" s="3" t="s">
        <v>164</v>
      </c>
      <c r="B125" s="4"/>
    </row>
    <row r="126" spans="1:2" ht="15.6" x14ac:dyDescent="0.3">
      <c r="A126" s="3" t="s">
        <v>165</v>
      </c>
      <c r="B126" s="6" t="s">
        <v>166</v>
      </c>
    </row>
    <row r="127" spans="1:2" ht="15.6" x14ac:dyDescent="0.3">
      <c r="A127" s="3" t="s">
        <v>167</v>
      </c>
      <c r="B127" s="6"/>
    </row>
    <row r="128" spans="1:2" ht="62.4" x14ac:dyDescent="0.3">
      <c r="A128" s="3" t="s">
        <v>168</v>
      </c>
      <c r="B128" s="4" t="s">
        <v>169</v>
      </c>
    </row>
    <row r="129" spans="1:2" ht="15.6" x14ac:dyDescent="0.3">
      <c r="A129" s="3"/>
      <c r="B129" s="3"/>
    </row>
    <row r="130" spans="1:2" ht="15.6" x14ac:dyDescent="0.3">
      <c r="A130" s="4" t="s">
        <v>170</v>
      </c>
      <c r="B130" s="3" t="s">
        <v>171</v>
      </c>
    </row>
    <row r="131" spans="1:2" ht="15.6" x14ac:dyDescent="0.3">
      <c r="A131" s="4" t="s">
        <v>172</v>
      </c>
      <c r="B131" s="3" t="s">
        <v>173</v>
      </c>
    </row>
    <row r="132" spans="1:2" ht="31.2" x14ac:dyDescent="0.3">
      <c r="A132" s="3" t="s">
        <v>174</v>
      </c>
      <c r="B132" s="3" t="s">
        <v>175</v>
      </c>
    </row>
    <row r="133" spans="1:2" ht="15.6" x14ac:dyDescent="0.3">
      <c r="A133" s="3" t="s">
        <v>176</v>
      </c>
      <c r="B133" s="3"/>
    </row>
    <row r="134" spans="1:2" ht="15.6" x14ac:dyDescent="0.3">
      <c r="A134" s="3" t="s">
        <v>177</v>
      </c>
      <c r="B134" s="3"/>
    </row>
    <row r="135" spans="1:2" ht="15.6" x14ac:dyDescent="0.3">
      <c r="A135" s="4" t="s">
        <v>178</v>
      </c>
      <c r="B135" s="3" t="s">
        <v>179</v>
      </c>
    </row>
    <row r="136" spans="1:2" ht="15.6" x14ac:dyDescent="0.3">
      <c r="A136" s="4" t="s">
        <v>180</v>
      </c>
      <c r="B136" s="3"/>
    </row>
    <row r="137" spans="1:2" ht="15.6" x14ac:dyDescent="0.3">
      <c r="A137" s="3" t="s">
        <v>181</v>
      </c>
      <c r="B137" s="3" t="s">
        <v>182</v>
      </c>
    </row>
    <row r="138" spans="1:2" ht="15.6" x14ac:dyDescent="0.3">
      <c r="A138" s="4" t="s">
        <v>183</v>
      </c>
      <c r="B138" s="3" t="s">
        <v>184</v>
      </c>
    </row>
    <row r="139" spans="1:2" ht="46.8" x14ac:dyDescent="0.3">
      <c r="A139" s="16" t="s">
        <v>185</v>
      </c>
      <c r="B139" s="3" t="s">
        <v>186</v>
      </c>
    </row>
    <row r="140" spans="1:2" ht="46.8" x14ac:dyDescent="0.3">
      <c r="A140" s="16" t="s">
        <v>187</v>
      </c>
      <c r="B140" s="3" t="s">
        <v>188</v>
      </c>
    </row>
    <row r="141" spans="1:2" ht="15.6" x14ac:dyDescent="0.3">
      <c r="A141" s="16" t="s">
        <v>189</v>
      </c>
      <c r="B141" s="3" t="s">
        <v>190</v>
      </c>
    </row>
    <row r="142" spans="1:2" ht="15.6" x14ac:dyDescent="0.3">
      <c r="A142" s="16" t="s">
        <v>191</v>
      </c>
      <c r="B142" s="3"/>
    </row>
    <row r="143" spans="1:2" ht="15.6" x14ac:dyDescent="0.3">
      <c r="A143" s="16" t="s">
        <v>192</v>
      </c>
      <c r="B143" s="3"/>
    </row>
    <row r="144" spans="1:2" ht="15.6" x14ac:dyDescent="0.3">
      <c r="A144" s="8" t="s">
        <v>193</v>
      </c>
      <c r="B144" s="3" t="s">
        <v>194</v>
      </c>
    </row>
    <row r="145" spans="1:2" ht="46.8" x14ac:dyDescent="0.3">
      <c r="A145" s="10" t="s">
        <v>195</v>
      </c>
      <c r="B145" s="3" t="s">
        <v>196</v>
      </c>
    </row>
    <row r="146" spans="1:2" ht="15.6" x14ac:dyDescent="0.3">
      <c r="A146" s="3" t="s">
        <v>197</v>
      </c>
      <c r="B146" s="3" t="s">
        <v>198</v>
      </c>
    </row>
    <row r="147" spans="1:2" ht="15.6" x14ac:dyDescent="0.3">
      <c r="A147" s="3" t="s">
        <v>199</v>
      </c>
      <c r="B147" s="3"/>
    </row>
    <row r="148" spans="1:2" ht="15.6" x14ac:dyDescent="0.3">
      <c r="A148" s="10" t="s">
        <v>200</v>
      </c>
      <c r="B148" s="3"/>
    </row>
    <row r="149" spans="1:2" ht="46.8" x14ac:dyDescent="0.3">
      <c r="A149" s="3" t="s">
        <v>201</v>
      </c>
      <c r="B149" s="3" t="s">
        <v>202</v>
      </c>
    </row>
    <row r="150" spans="1:2" ht="46.8" x14ac:dyDescent="0.3">
      <c r="A150" s="3" t="s">
        <v>203</v>
      </c>
      <c r="B150" s="6" t="s">
        <v>204</v>
      </c>
    </row>
    <row r="151" spans="1:2" ht="15.6" x14ac:dyDescent="0.3">
      <c r="A151" s="10" t="s">
        <v>205</v>
      </c>
      <c r="B151" s="4" t="s">
        <v>206</v>
      </c>
    </row>
    <row r="152" spans="1:2" ht="15.6" x14ac:dyDescent="0.3">
      <c r="A152" s="10" t="s">
        <v>207</v>
      </c>
      <c r="B152" s="4" t="s">
        <v>208</v>
      </c>
    </row>
    <row r="153" spans="1:2" ht="31.2" x14ac:dyDescent="0.3">
      <c r="A153" s="10" t="s">
        <v>209</v>
      </c>
      <c r="B153" s="6" t="s">
        <v>210</v>
      </c>
    </row>
    <row r="154" spans="1:2" ht="15.6" x14ac:dyDescent="0.3">
      <c r="A154" s="10" t="s">
        <v>211</v>
      </c>
      <c r="B154" s="6"/>
    </row>
    <row r="155" spans="1:2" ht="31.2" x14ac:dyDescent="0.3">
      <c r="A155" s="5" t="s">
        <v>212</v>
      </c>
      <c r="B155" s="6" t="s">
        <v>408</v>
      </c>
    </row>
    <row r="156" spans="1:2" ht="15.6" x14ac:dyDescent="0.3">
      <c r="A156" s="5" t="s">
        <v>213</v>
      </c>
      <c r="B156" s="6"/>
    </row>
    <row r="157" spans="1:2" ht="15.6" x14ac:dyDescent="0.3">
      <c r="A157" s="5" t="s">
        <v>214</v>
      </c>
      <c r="B157" s="6"/>
    </row>
    <row r="158" spans="1:2" ht="218.4" x14ac:dyDescent="0.3">
      <c r="A158" s="3" t="s">
        <v>215</v>
      </c>
      <c r="B158" s="6" t="s">
        <v>216</v>
      </c>
    </row>
    <row r="159" spans="1:2" ht="31.2" x14ac:dyDescent="0.3">
      <c r="A159" s="3" t="s">
        <v>217</v>
      </c>
      <c r="B159" s="6"/>
    </row>
    <row r="160" spans="1:2" ht="15.6" x14ac:dyDescent="0.3">
      <c r="A160" s="3" t="s">
        <v>218</v>
      </c>
      <c r="B160" s="6"/>
    </row>
    <row r="161" spans="1:2" ht="15.6" x14ac:dyDescent="0.3">
      <c r="A161" s="10" t="s">
        <v>219</v>
      </c>
      <c r="B161" s="6" t="s">
        <v>220</v>
      </c>
    </row>
    <row r="162" spans="1:2" ht="15.6" x14ac:dyDescent="0.3">
      <c r="A162" s="3" t="s">
        <v>221</v>
      </c>
      <c r="B162" s="9" t="s">
        <v>222</v>
      </c>
    </row>
    <row r="163" spans="1:2" ht="15.6" x14ac:dyDescent="0.3">
      <c r="A163" s="3" t="s">
        <v>223</v>
      </c>
      <c r="B163" s="9"/>
    </row>
    <row r="164" spans="1:2" ht="62.4" x14ac:dyDescent="0.3">
      <c r="A164" s="10" t="s">
        <v>224</v>
      </c>
      <c r="B164" s="12" t="s">
        <v>225</v>
      </c>
    </row>
    <row r="165" spans="1:2" ht="31.2" x14ac:dyDescent="0.3">
      <c r="A165" s="10" t="s">
        <v>226</v>
      </c>
      <c r="B165" s="6" t="s">
        <v>227</v>
      </c>
    </row>
    <row r="166" spans="1:2" ht="15.6" x14ac:dyDescent="0.3">
      <c r="A166" s="10" t="s">
        <v>228</v>
      </c>
      <c r="B166" s="6"/>
    </row>
    <row r="167" spans="1:2" ht="124.8" x14ac:dyDescent="0.3">
      <c r="A167" s="11" t="s">
        <v>229</v>
      </c>
      <c r="B167" s="6" t="s">
        <v>230</v>
      </c>
    </row>
    <row r="168" spans="1:2" ht="187.2" x14ac:dyDescent="0.3">
      <c r="A168" s="11" t="s">
        <v>231</v>
      </c>
      <c r="B168" s="6" t="s">
        <v>232</v>
      </c>
    </row>
    <row r="169" spans="1:2" ht="15.6" x14ac:dyDescent="0.3">
      <c r="A169" s="11" t="s">
        <v>233</v>
      </c>
      <c r="B169" s="6"/>
    </row>
    <row r="170" spans="1:2" ht="62.4" x14ac:dyDescent="0.3">
      <c r="A170" s="10" t="s">
        <v>234</v>
      </c>
      <c r="B170" s="6" t="s">
        <v>235</v>
      </c>
    </row>
    <row r="171" spans="1:2" ht="31.2" x14ac:dyDescent="0.3">
      <c r="A171" s="10" t="s">
        <v>236</v>
      </c>
      <c r="B171" s="6" t="s">
        <v>237</v>
      </c>
    </row>
    <row r="172" spans="1:2" ht="93.6" x14ac:dyDescent="0.3">
      <c r="A172" s="3" t="s">
        <v>238</v>
      </c>
      <c r="B172" s="6" t="s">
        <v>239</v>
      </c>
    </row>
    <row r="173" spans="1:2" ht="93.6" x14ac:dyDescent="0.3">
      <c r="A173" s="13" t="s">
        <v>240</v>
      </c>
      <c r="B173" s="6" t="s">
        <v>241</v>
      </c>
    </row>
    <row r="174" spans="1:2" ht="15.6" x14ac:dyDescent="0.3">
      <c r="A174" s="13" t="s">
        <v>242</v>
      </c>
      <c r="B174" s="6"/>
    </row>
    <row r="175" spans="1:2" ht="15.6" x14ac:dyDescent="0.3">
      <c r="A175" s="13" t="s">
        <v>243</v>
      </c>
      <c r="B175" s="6"/>
    </row>
    <row r="176" spans="1:2" ht="15.6" x14ac:dyDescent="0.3">
      <c r="A176" s="13" t="s">
        <v>244</v>
      </c>
      <c r="B176" s="6"/>
    </row>
    <row r="177" spans="1:2" ht="202.8" x14ac:dyDescent="0.3">
      <c r="A177" s="13" t="s">
        <v>245</v>
      </c>
      <c r="B177" s="6" t="s">
        <v>246</v>
      </c>
    </row>
    <row r="178" spans="1:2" ht="15.6" x14ac:dyDescent="0.3">
      <c r="A178" s="13" t="s">
        <v>247</v>
      </c>
      <c r="B178" s="6"/>
    </row>
    <row r="179" spans="1:2" ht="31.2" x14ac:dyDescent="0.3">
      <c r="A179" s="11" t="s">
        <v>248</v>
      </c>
      <c r="B179" s="6" t="s">
        <v>249</v>
      </c>
    </row>
    <row r="180" spans="1:2" ht="78" x14ac:dyDescent="0.3">
      <c r="A180" s="3" t="s">
        <v>250</v>
      </c>
      <c r="B180" s="6" t="s">
        <v>251</v>
      </c>
    </row>
    <row r="181" spans="1:2" ht="15.6" x14ac:dyDescent="0.3">
      <c r="A181" s="3" t="s">
        <v>252</v>
      </c>
      <c r="B181" s="6"/>
    </row>
    <row r="182" spans="1:2" ht="62.4" x14ac:dyDescent="0.3">
      <c r="A182" s="3" t="s">
        <v>253</v>
      </c>
      <c r="B182" s="15" t="s">
        <v>254</v>
      </c>
    </row>
    <row r="183" spans="1:2" ht="31.2" x14ac:dyDescent="0.3">
      <c r="A183" s="3" t="s">
        <v>255</v>
      </c>
      <c r="B183" s="17" t="s">
        <v>256</v>
      </c>
    </row>
    <row r="184" spans="1:2" ht="62.4" x14ac:dyDescent="0.3">
      <c r="A184" s="11" t="s">
        <v>257</v>
      </c>
      <c r="B184" s="3" t="s">
        <v>258</v>
      </c>
    </row>
    <row r="185" spans="1:2" ht="62.4" x14ac:dyDescent="0.3">
      <c r="A185" s="11" t="s">
        <v>259</v>
      </c>
      <c r="B185" s="3" t="s">
        <v>260</v>
      </c>
    </row>
    <row r="186" spans="1:2" ht="15.6" x14ac:dyDescent="0.3">
      <c r="A186" s="11"/>
      <c r="B186" s="3"/>
    </row>
    <row r="187" spans="1:2" ht="31.2" x14ac:dyDescent="0.3">
      <c r="A187" s="10" t="s">
        <v>261</v>
      </c>
      <c r="B187" s="3" t="s">
        <v>262</v>
      </c>
    </row>
    <row r="188" spans="1:2" ht="31.2" x14ac:dyDescent="0.3">
      <c r="A188" s="10" t="s">
        <v>263</v>
      </c>
      <c r="B188" s="9" t="s">
        <v>264</v>
      </c>
    </row>
    <row r="189" spans="1:2" ht="31.2" x14ac:dyDescent="0.3">
      <c r="A189" s="11" t="s">
        <v>265</v>
      </c>
      <c r="B189" s="3"/>
    </row>
    <row r="190" spans="1:2" ht="171.6" x14ac:dyDescent="0.3">
      <c r="A190" s="11" t="s">
        <v>266</v>
      </c>
      <c r="B190" s="3" t="s">
        <v>267</v>
      </c>
    </row>
    <row r="191" spans="1:2" ht="15.6" x14ac:dyDescent="0.3">
      <c r="A191" s="11" t="s">
        <v>268</v>
      </c>
      <c r="B191" s="3"/>
    </row>
    <row r="192" spans="1:2" ht="31.2" x14ac:dyDescent="0.3">
      <c r="A192" s="3" t="s">
        <v>269</v>
      </c>
      <c r="B192" s="3" t="s">
        <v>270</v>
      </c>
    </row>
    <row r="193" spans="1:2" ht="15.6" x14ac:dyDescent="0.3">
      <c r="A193" s="3" t="s">
        <v>271</v>
      </c>
      <c r="B193" s="3" t="s">
        <v>272</v>
      </c>
    </row>
    <row r="194" spans="1:2" ht="78" x14ac:dyDescent="0.3">
      <c r="A194" s="3" t="s">
        <v>273</v>
      </c>
      <c r="B194" s="3" t="s">
        <v>274</v>
      </c>
    </row>
    <row r="195" spans="1:2" s="14" customFormat="1" ht="46.8" x14ac:dyDescent="0.3">
      <c r="A195" s="3" t="s">
        <v>275</v>
      </c>
      <c r="B195" s="3" t="s">
        <v>276</v>
      </c>
    </row>
    <row r="196" spans="1:2" s="14" customFormat="1" ht="46.8" x14ac:dyDescent="0.3">
      <c r="A196" s="16" t="s">
        <v>277</v>
      </c>
      <c r="B196" s="3" t="s">
        <v>409</v>
      </c>
    </row>
    <row r="197" spans="1:2" s="14" customFormat="1" ht="15.6" x14ac:dyDescent="0.3">
      <c r="A197" s="16" t="s">
        <v>278</v>
      </c>
      <c r="B197" s="3"/>
    </row>
    <row r="198" spans="1:2" s="14" customFormat="1" ht="31.2" x14ac:dyDescent="0.3">
      <c r="A198" s="16" t="s">
        <v>279</v>
      </c>
      <c r="B198" s="3" t="s">
        <v>280</v>
      </c>
    </row>
    <row r="199" spans="1:2" s="14" customFormat="1" ht="62.4" x14ac:dyDescent="0.3">
      <c r="A199" s="16" t="s">
        <v>281</v>
      </c>
      <c r="B199" s="3" t="s">
        <v>282</v>
      </c>
    </row>
    <row r="200" spans="1:2" ht="15.6" x14ac:dyDescent="0.3">
      <c r="A200" s="16" t="s">
        <v>283</v>
      </c>
      <c r="B200" s="24"/>
    </row>
    <row r="201" spans="1:2" ht="31.2" x14ac:dyDescent="0.3">
      <c r="A201" s="21" t="s">
        <v>284</v>
      </c>
      <c r="B201" s="5" t="s">
        <v>285</v>
      </c>
    </row>
    <row r="202" spans="1:2" ht="15.6" x14ac:dyDescent="0.3">
      <c r="A202" s="19" t="s">
        <v>286</v>
      </c>
      <c r="B202" s="24"/>
    </row>
    <row r="203" spans="1:2" ht="140.4" x14ac:dyDescent="0.3">
      <c r="A203" s="19" t="s">
        <v>287</v>
      </c>
      <c r="B203" s="3" t="s">
        <v>288</v>
      </c>
    </row>
    <row r="204" spans="1:2" ht="15.6" x14ac:dyDescent="0.3">
      <c r="A204" s="19" t="s">
        <v>289</v>
      </c>
      <c r="B204" s="24"/>
    </row>
    <row r="205" spans="1:2" ht="62.4" x14ac:dyDescent="0.3">
      <c r="A205" s="18" t="s">
        <v>290</v>
      </c>
      <c r="B205" s="3" t="s">
        <v>291</v>
      </c>
    </row>
    <row r="206" spans="1:2" ht="15.6" x14ac:dyDescent="0.3">
      <c r="A206" s="19" t="s">
        <v>292</v>
      </c>
      <c r="B206" s="24" t="s">
        <v>293</v>
      </c>
    </row>
    <row r="207" spans="1:2" ht="28.8" x14ac:dyDescent="0.3">
      <c r="A207" s="24" t="s">
        <v>294</v>
      </c>
      <c r="B207" s="25" t="s">
        <v>295</v>
      </c>
    </row>
    <row r="208" spans="1:2" ht="28.8" x14ac:dyDescent="0.3">
      <c r="A208" s="25" t="s">
        <v>296</v>
      </c>
      <c r="B208" s="25" t="s">
        <v>297</v>
      </c>
    </row>
    <row r="209" spans="1:2" ht="57.6" x14ac:dyDescent="0.3">
      <c r="A209" s="25" t="s">
        <v>298</v>
      </c>
      <c r="B209" s="25" t="s">
        <v>299</v>
      </c>
    </row>
    <row r="210" spans="1:2" ht="43.2" x14ac:dyDescent="0.3">
      <c r="A210" s="25" t="s">
        <v>300</v>
      </c>
      <c r="B210" s="25" t="s">
        <v>301</v>
      </c>
    </row>
    <row r="211" spans="1:2" ht="72" x14ac:dyDescent="0.3">
      <c r="A211" s="24" t="s">
        <v>302</v>
      </c>
      <c r="B211" s="25" t="s">
        <v>303</v>
      </c>
    </row>
    <row r="212" spans="1:2" x14ac:dyDescent="0.3">
      <c r="A212" s="24" t="s">
        <v>304</v>
      </c>
      <c r="B212" s="24"/>
    </row>
    <row r="213" spans="1:2" x14ac:dyDescent="0.3">
      <c r="A213" s="25" t="s">
        <v>305</v>
      </c>
      <c r="B213" s="25" t="s">
        <v>306</v>
      </c>
    </row>
    <row r="214" spans="1:2" ht="28.8" x14ac:dyDescent="0.3">
      <c r="A214" s="25" t="s">
        <v>307</v>
      </c>
      <c r="B214" s="25"/>
    </row>
    <row r="215" spans="1:2" ht="28.8" x14ac:dyDescent="0.3">
      <c r="A215" s="24" t="s">
        <v>308</v>
      </c>
      <c r="B215" s="25" t="s">
        <v>309</v>
      </c>
    </row>
    <row r="216" spans="1:2" x14ac:dyDescent="0.3">
      <c r="A216" s="24" t="s">
        <v>310</v>
      </c>
      <c r="B216" s="25"/>
    </row>
    <row r="217" spans="1:2" ht="86.4" x14ac:dyDescent="0.3">
      <c r="A217" s="25" t="s">
        <v>311</v>
      </c>
      <c r="B217" s="25" t="s">
        <v>312</v>
      </c>
    </row>
    <row r="218" spans="1:2" ht="28.8" x14ac:dyDescent="0.3">
      <c r="A218" s="24" t="s">
        <v>313</v>
      </c>
      <c r="B218" s="25" t="s">
        <v>314</v>
      </c>
    </row>
    <row r="219" spans="1:2" ht="57.6" x14ac:dyDescent="0.3">
      <c r="A219" s="24" t="s">
        <v>315</v>
      </c>
      <c r="B219" s="25" t="s">
        <v>316</v>
      </c>
    </row>
    <row r="220" spans="1:2" ht="57.6" x14ac:dyDescent="0.3">
      <c r="A220" s="16" t="s">
        <v>317</v>
      </c>
      <c r="B220" s="20" t="s">
        <v>318</v>
      </c>
    </row>
    <row r="221" spans="1:2" ht="86.4" x14ac:dyDescent="0.3">
      <c r="A221" s="25" t="s">
        <v>319</v>
      </c>
      <c r="B221" s="20" t="s">
        <v>320</v>
      </c>
    </row>
    <row r="222" spans="1:2" ht="86.4" x14ac:dyDescent="0.3">
      <c r="A222" s="25" t="s">
        <v>321</v>
      </c>
      <c r="B222" s="20" t="s">
        <v>322</v>
      </c>
    </row>
    <row r="223" spans="1:2" x14ac:dyDescent="0.3">
      <c r="A223" s="24" t="s">
        <v>323</v>
      </c>
      <c r="B223" s="25" t="s">
        <v>324</v>
      </c>
    </row>
    <row r="224" spans="1:2" ht="28.8" x14ac:dyDescent="0.3">
      <c r="A224" s="24" t="s">
        <v>325</v>
      </c>
      <c r="B224" s="25" t="s">
        <v>326</v>
      </c>
    </row>
    <row r="225" spans="1:2" ht="43.2" x14ac:dyDescent="0.3">
      <c r="A225" s="25" t="s">
        <v>327</v>
      </c>
      <c r="B225" s="25" t="s">
        <v>328</v>
      </c>
    </row>
    <row r="226" spans="1:2" ht="28.8" x14ac:dyDescent="0.3">
      <c r="A226" s="25" t="s">
        <v>329</v>
      </c>
      <c r="B226" s="25" t="s">
        <v>330</v>
      </c>
    </row>
    <row r="227" spans="1:2" ht="28.8" x14ac:dyDescent="0.3">
      <c r="A227" s="25" t="s">
        <v>331</v>
      </c>
      <c r="B227" s="26" t="s">
        <v>332</v>
      </c>
    </row>
    <row r="228" spans="1:2" ht="57.6" x14ac:dyDescent="0.3">
      <c r="A228" s="24" t="s">
        <v>333</v>
      </c>
      <c r="B228" s="26" t="s">
        <v>334</v>
      </c>
    </row>
    <row r="229" spans="1:2" x14ac:dyDescent="0.3">
      <c r="A229" s="27" t="s">
        <v>335</v>
      </c>
      <c r="B229" s="24"/>
    </row>
    <row r="230" spans="1:2" x14ac:dyDescent="0.3">
      <c r="A230" s="27" t="s">
        <v>336</v>
      </c>
      <c r="B230" s="24"/>
    </row>
    <row r="231" spans="1:2" x14ac:dyDescent="0.3">
      <c r="A231" s="25" t="s">
        <v>337</v>
      </c>
      <c r="B231" s="24"/>
    </row>
    <row r="232" spans="1:2" ht="57.6" x14ac:dyDescent="0.3">
      <c r="A232" s="25" t="s">
        <v>338</v>
      </c>
      <c r="B232" s="26" t="s">
        <v>339</v>
      </c>
    </row>
    <row r="233" spans="1:2" ht="57.6" x14ac:dyDescent="0.3">
      <c r="A233" s="25" t="s">
        <v>340</v>
      </c>
      <c r="B233" s="26" t="s">
        <v>341</v>
      </c>
    </row>
    <row r="234" spans="1:2" x14ac:dyDescent="0.3">
      <c r="A234" s="25" t="s">
        <v>342</v>
      </c>
      <c r="B234" s="25"/>
    </row>
    <row r="235" spans="1:2" ht="28.8" x14ac:dyDescent="0.3">
      <c r="A235" s="24" t="s">
        <v>343</v>
      </c>
      <c r="B235" s="26" t="s">
        <v>344</v>
      </c>
    </row>
    <row r="236" spans="1:2" ht="43.2" x14ac:dyDescent="0.3">
      <c r="A236" s="24" t="s">
        <v>345</v>
      </c>
      <c r="B236" s="26" t="s">
        <v>346</v>
      </c>
    </row>
    <row r="237" spans="1:2" ht="28.8" x14ac:dyDescent="0.3">
      <c r="A237" s="28" t="s">
        <v>347</v>
      </c>
      <c r="B237" s="26" t="s">
        <v>348</v>
      </c>
    </row>
    <row r="238" spans="1:2" ht="72" x14ac:dyDescent="0.3">
      <c r="A238" s="26" t="s">
        <v>349</v>
      </c>
      <c r="B238" s="22" t="s">
        <v>350</v>
      </c>
    </row>
    <row r="239" spans="1:2" ht="28.8" x14ac:dyDescent="0.3">
      <c r="A239" s="26" t="s">
        <v>351</v>
      </c>
      <c r="B239" s="28"/>
    </row>
    <row r="240" spans="1:2" ht="28.8" x14ac:dyDescent="0.3">
      <c r="A240" s="25" t="s">
        <v>352</v>
      </c>
      <c r="B240" s="25" t="s">
        <v>353</v>
      </c>
    </row>
    <row r="241" spans="1:2" ht="28.8" x14ac:dyDescent="0.3">
      <c r="A241" s="24" t="s">
        <v>354</v>
      </c>
      <c r="B241" s="25" t="s">
        <v>355</v>
      </c>
    </row>
    <row r="242" spans="1:2" ht="28.8" x14ac:dyDescent="0.3">
      <c r="A242" s="24" t="s">
        <v>356</v>
      </c>
      <c r="B242" s="26" t="s">
        <v>357</v>
      </c>
    </row>
    <row r="243" spans="1:2" ht="43.2" x14ac:dyDescent="0.3">
      <c r="A243" s="24" t="s">
        <v>358</v>
      </c>
      <c r="B243" s="26" t="s">
        <v>359</v>
      </c>
    </row>
    <row r="244" spans="1:2" x14ac:dyDescent="0.3">
      <c r="A244" s="29" t="s">
        <v>360</v>
      </c>
      <c r="B244" s="29"/>
    </row>
    <row r="245" spans="1:2" ht="57.6" x14ac:dyDescent="0.3">
      <c r="A245" s="28" t="s">
        <v>361</v>
      </c>
      <c r="B245" s="26" t="s">
        <v>362</v>
      </c>
    </row>
    <row r="246" spans="1:2" ht="115.2" x14ac:dyDescent="0.3">
      <c r="A246" s="28" t="s">
        <v>363</v>
      </c>
      <c r="B246" s="26" t="s">
        <v>364</v>
      </c>
    </row>
    <row r="247" spans="1:2" ht="86.4" x14ac:dyDescent="0.3">
      <c r="A247" s="25" t="s">
        <v>365</v>
      </c>
      <c r="B247" s="26" t="s">
        <v>366</v>
      </c>
    </row>
    <row r="248" spans="1:2" ht="115.2" x14ac:dyDescent="0.3">
      <c r="A248" s="24" t="s">
        <v>367</v>
      </c>
      <c r="B248" s="26" t="s">
        <v>368</v>
      </c>
    </row>
    <row r="249" spans="1:2" ht="158.4" x14ac:dyDescent="0.3">
      <c r="A249" s="26" t="s">
        <v>369</v>
      </c>
      <c r="B249" s="26" t="s">
        <v>418</v>
      </c>
    </row>
    <row r="250" spans="1:2" ht="43.2" x14ac:dyDescent="0.3">
      <c r="A250" s="25" t="s">
        <v>370</v>
      </c>
      <c r="B250" s="26" t="s">
        <v>371</v>
      </c>
    </row>
    <row r="251" spans="1:2" ht="28.8" x14ac:dyDescent="0.3">
      <c r="A251" s="24" t="s">
        <v>372</v>
      </c>
      <c r="B251" s="26" t="s">
        <v>373</v>
      </c>
    </row>
    <row r="252" spans="1:2" x14ac:dyDescent="0.3">
      <c r="A252" s="24" t="s">
        <v>374</v>
      </c>
      <c r="B252" s="26" t="s">
        <v>375</v>
      </c>
    </row>
    <row r="253" spans="1:2" ht="28.8" x14ac:dyDescent="0.3">
      <c r="A253" s="25" t="s">
        <v>376</v>
      </c>
      <c r="B253" s="22" t="s">
        <v>377</v>
      </c>
    </row>
    <row r="254" spans="1:2" ht="28.8" x14ac:dyDescent="0.3">
      <c r="A254" s="25" t="s">
        <v>378</v>
      </c>
      <c r="B254" s="26" t="s">
        <v>379</v>
      </c>
    </row>
    <row r="255" spans="1:2" ht="57.6" x14ac:dyDescent="0.3">
      <c r="A255" s="25" t="s">
        <v>380</v>
      </c>
      <c r="B255" s="30" t="s">
        <v>381</v>
      </c>
    </row>
    <row r="256" spans="1:2" ht="28.8" x14ac:dyDescent="0.3">
      <c r="A256" s="25" t="s">
        <v>382</v>
      </c>
      <c r="B256" s="30" t="s">
        <v>412</v>
      </c>
    </row>
    <row r="257" spans="1:2" ht="43.2" x14ac:dyDescent="0.3">
      <c r="A257" s="25" t="s">
        <v>383</v>
      </c>
      <c r="B257" s="30" t="s">
        <v>384</v>
      </c>
    </row>
    <row r="258" spans="1:2" ht="28.8" x14ac:dyDescent="0.3">
      <c r="A258" s="25" t="s">
        <v>413</v>
      </c>
      <c r="B258" s="26" t="s">
        <v>385</v>
      </c>
    </row>
    <row r="259" spans="1:2" ht="28.8" x14ac:dyDescent="0.3">
      <c r="A259" s="24" t="s">
        <v>386</v>
      </c>
      <c r="B259" s="30" t="s">
        <v>387</v>
      </c>
    </row>
    <row r="260" spans="1:2" ht="28.8" x14ac:dyDescent="0.3">
      <c r="A260" s="24" t="s">
        <v>388</v>
      </c>
      <c r="B260" s="20" t="s">
        <v>389</v>
      </c>
    </row>
    <row r="261" spans="1:2" ht="28.8" x14ac:dyDescent="0.3">
      <c r="A261" s="25" t="s">
        <v>390</v>
      </c>
      <c r="B261" s="25" t="s">
        <v>391</v>
      </c>
    </row>
    <row r="262" spans="1:2" ht="72" x14ac:dyDescent="0.3">
      <c r="A262" s="25" t="s">
        <v>392</v>
      </c>
      <c r="B262" s="26" t="s">
        <v>414</v>
      </c>
    </row>
    <row r="263" spans="1:2" ht="28.8" x14ac:dyDescent="0.3">
      <c r="A263" s="25" t="s">
        <v>393</v>
      </c>
      <c r="B263" s="30" t="s">
        <v>394</v>
      </c>
    </row>
    <row r="264" spans="1:2" ht="28.8" x14ac:dyDescent="0.3">
      <c r="A264" s="25" t="s">
        <v>395</v>
      </c>
      <c r="B264" s="30" t="s">
        <v>396</v>
      </c>
    </row>
    <row r="265" spans="1:2" ht="28.8" x14ac:dyDescent="0.3">
      <c r="A265" s="31" t="s">
        <v>397</v>
      </c>
      <c r="B265" s="30" t="s">
        <v>415</v>
      </c>
    </row>
    <row r="266" spans="1:2" ht="28.8" x14ac:dyDescent="0.3">
      <c r="A266" s="31" t="s">
        <v>398</v>
      </c>
      <c r="B266" s="30" t="s">
        <v>399</v>
      </c>
    </row>
    <row r="267" spans="1:2" ht="28.8" x14ac:dyDescent="0.3">
      <c r="A267" s="31" t="s">
        <v>400</v>
      </c>
      <c r="B267" s="30" t="s">
        <v>401</v>
      </c>
    </row>
    <row r="268" spans="1:2" x14ac:dyDescent="0.3">
      <c r="A268" s="32" t="s">
        <v>402</v>
      </c>
      <c r="B268" s="26" t="s">
        <v>403</v>
      </c>
    </row>
    <row r="269" spans="1:2" ht="28.8" x14ac:dyDescent="0.3">
      <c r="A269" s="24" t="s">
        <v>404</v>
      </c>
      <c r="B269" s="30" t="s">
        <v>405</v>
      </c>
    </row>
    <row r="270" spans="1:2" ht="43.2" x14ac:dyDescent="0.3">
      <c r="A270" s="24" t="s">
        <v>406</v>
      </c>
      <c r="B270" s="30" t="s">
        <v>407</v>
      </c>
    </row>
  </sheetData>
  <autoFilter ref="A1:B270" xr:uid="{9A190742-8083-4022-ADE3-91102399519B}"/>
  <hyperlinks>
    <hyperlink ref="B164" r:id="rId1" display="https://help.sap.com/viewer/0e602d466b99490187fcbb30d1dc897c/1911.500/en-US/ceeb8059ce984943bfe9bbc7e464cd0b.html" xr:uid="{71DDEC9F-D744-418D-BCF6-E621DF618D48}"/>
  </hyperlinks>
  <pageMargins left="0.7" right="0.7" top="0.75" bottom="0.75" header="0.3" footer="0.3"/>
  <pageSetup orientation="portrait" r:id="rId2"/>
</worksheet>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item1.xml><?xml version="1.0" encoding="utf-8"?>
<?mso-contentType ?>
<FormTemplates xmlns="http://schemas.microsoft.com/sharepoint/v3/contenttype/forms">
  <Display>DocumentLibraryForm</Display>
  <Edit>DocumentLibraryForm</Edit>
  <New>DocumentLibraryForm</New>
</FormTemplates>
</file>

<file path=customXml/item2.xml><?xml version="1.0" encoding="utf-8"?>
<ct:contentTypeSchema xmlns:ct="http://schemas.microsoft.com/office/2006/metadata/contentType" xmlns:ma="http://schemas.microsoft.com/office/2006/metadata/properties/metaAttributes" ct:_="" ma:_="" ma:contentTypeName="Document" ma:contentTypeID="0x010100DCA7F96F0ADD844D94B1594215816245" ma:contentTypeVersion="12" ma:contentTypeDescription="Create a new document." ma:contentTypeScope="" ma:versionID="d3fd56f43af2768e0c9c6aa591627210">
  <xsd:schema xmlns:xsd="http://www.w3.org/2001/XMLSchema" xmlns:xs="http://www.w3.org/2001/XMLSchema" xmlns:p="http://schemas.microsoft.com/office/2006/metadata/properties" xmlns:ns2="6268e452-1279-4714-a6f8-b6e6dcc3e69f" xmlns:ns3="d1f67b9b-4ad6-49c1-ae79-baee5b5ca368" targetNamespace="http://schemas.microsoft.com/office/2006/metadata/properties" ma:root="true" ma:fieldsID="9eb88f1fe7d34b317ec844de0660db20" ns2:_="" ns3:_="">
    <xsd:import namespace="6268e452-1279-4714-a6f8-b6e6dcc3e69f"/>
    <xsd:import namespace="d1f67b9b-4ad6-49c1-ae79-baee5b5ca368"/>
    <xsd:element name="properties">
      <xsd:complexType>
        <xsd:sequence>
          <xsd:element name="documentManagement">
            <xsd:complexType>
              <xsd:all>
                <xsd:element ref="ns2:MediaServiceMetadata" minOccurs="0"/>
                <xsd:element ref="ns2:MediaServiceFastMetadata" minOccurs="0"/>
                <xsd:element ref="ns2:MediaServiceDateTaken" minOccurs="0"/>
                <xsd:element ref="ns3:SharedWithUsers" minOccurs="0"/>
                <xsd:element ref="ns3:SharedWithDetails" minOccurs="0"/>
                <xsd:element ref="ns2:MediaServiceAutoTags" minOccurs="0"/>
                <xsd:element ref="ns2:MediaServiceOCR" minOccurs="0"/>
                <xsd:element ref="ns2:MediaServiceGenerationTime" minOccurs="0"/>
                <xsd:element ref="ns2:MediaServiceEventHashCode" minOccurs="0"/>
                <xsd:element ref="ns2:MediaServiceAutoKeyPoints" minOccurs="0"/>
                <xsd:element ref="ns2:MediaServiceKeyPoints" minOccurs="0"/>
                <xsd:element ref="ns2:MediaServiceLocation"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6268e452-1279-4714-a6f8-b6e6dcc3e69f"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DateTaken" ma:index="10" nillable="true" ma:displayName="MediaServiceDateTaken" ma:hidden="true" ma:internalName="MediaServiceDateTaken" ma:readOnly="true">
      <xsd:simpleType>
        <xsd:restriction base="dms:Text"/>
      </xsd:simpleType>
    </xsd:element>
    <xsd:element name="MediaServiceAutoTags" ma:index="13" nillable="true" ma:displayName="Tags" ma:internalName="MediaServiceAutoTags" ma:readOnly="true">
      <xsd:simpleType>
        <xsd:restriction base="dms:Text"/>
      </xsd:simpleType>
    </xsd:element>
    <xsd:element name="MediaServiceOCR" ma:index="14" nillable="true" ma:displayName="Extracted Text" ma:internalName="MediaServiceOCR" ma:readOnly="true">
      <xsd:simpleType>
        <xsd:restriction base="dms:Note">
          <xsd:maxLength value="255"/>
        </xsd:restriction>
      </xsd:simpleType>
    </xsd:element>
    <xsd:element name="MediaServiceGenerationTime" ma:index="15" nillable="true" ma:displayName="MediaServiceGenerationTime" ma:hidden="true" ma:internalName="MediaServiceGenerationTime" ma:readOnly="true">
      <xsd:simpleType>
        <xsd:restriction base="dms:Text"/>
      </xsd:simpleType>
    </xsd:element>
    <xsd:element name="MediaServiceEventHashCode" ma:index="16" nillable="true" ma:displayName="MediaServiceEventHashCode" ma:hidden="true" ma:internalName="MediaServiceEventHashCode" ma:readOnly="true">
      <xsd:simpleType>
        <xsd:restriction base="dms:Text"/>
      </xsd:simpleType>
    </xsd:element>
    <xsd:element name="MediaServiceAutoKeyPoints" ma:index="17" nillable="true" ma:displayName="MediaServiceAutoKeyPoints" ma:hidden="true" ma:internalName="MediaServiceAutoKeyPoints" ma:readOnly="true">
      <xsd:simpleType>
        <xsd:restriction base="dms:Note"/>
      </xsd:simpleType>
    </xsd:element>
    <xsd:element name="MediaServiceKeyPoints" ma:index="18" nillable="true" ma:displayName="KeyPoints" ma:internalName="MediaServiceKeyPoints" ma:readOnly="true">
      <xsd:simpleType>
        <xsd:restriction base="dms:Note">
          <xsd:maxLength value="255"/>
        </xsd:restriction>
      </xsd:simpleType>
    </xsd:element>
    <xsd:element name="MediaServiceLocation" ma:index="19" nillable="true" ma:displayName="Location" ma:internalName="MediaServiceLocation" ma:readOnly="true">
      <xsd:simpleType>
        <xsd:restriction base="dms:Text"/>
      </xsd:simpleType>
    </xsd:element>
  </xsd:schema>
  <xsd:schema xmlns:xsd="http://www.w3.org/2001/XMLSchema" xmlns:xs="http://www.w3.org/2001/XMLSchema" xmlns:dms="http://schemas.microsoft.com/office/2006/documentManagement/types" xmlns:pc="http://schemas.microsoft.com/office/infopath/2007/PartnerControls" targetNamespace="d1f67b9b-4ad6-49c1-ae79-baee5b5ca368" elementFormDefault="qualified">
    <xsd:import namespace="http://schemas.microsoft.com/office/2006/documentManagement/types"/>
    <xsd:import namespace="http://schemas.microsoft.com/office/infopath/2007/PartnerControls"/>
    <xsd:element name="SharedWithUsers" ma:index="11"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12" nillable="true" ma:displayName="Shared With Details" ma:internalName="SharedWithDetails" ma:readOnly="true">
      <xsd:simpleType>
        <xsd:restriction base="dms:Note">
          <xsd:maxLength value="255"/>
        </xsd:restrict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3.xml><?xml version="1.0" encoding="utf-8"?>
<p:properties xmlns:p="http://schemas.microsoft.com/office/2006/metadata/properties" xmlns:xsi="http://www.w3.org/2001/XMLSchema-instance" xmlns:pc="http://schemas.microsoft.com/office/infopath/2007/PartnerControls">
  <documentManagement/>
</p:properties>
</file>

<file path=customXml/itemProps1.xml><?xml version="1.0" encoding="utf-8"?>
<ds:datastoreItem xmlns:ds="http://schemas.openxmlformats.org/officeDocument/2006/customXml" ds:itemID="{65E7711D-F197-4C2F-9BDD-5BE0E6DF8B52}">
  <ds:schemaRefs>
    <ds:schemaRef ds:uri="http://schemas.microsoft.com/sharepoint/v3/contenttype/forms"/>
  </ds:schemaRefs>
</ds:datastoreItem>
</file>

<file path=customXml/itemProps2.xml><?xml version="1.0" encoding="utf-8"?>
<ds:datastoreItem xmlns:ds="http://schemas.openxmlformats.org/officeDocument/2006/customXml" ds:itemID="{0294AADC-EE42-490B-8DDD-0FB681375105}">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6268e452-1279-4714-a6f8-b6e6dcc3e69f"/>
    <ds:schemaRef ds:uri="d1f67b9b-4ad6-49c1-ae79-baee5b5ca368"/>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3.xml><?xml version="1.0" encoding="utf-8"?>
<ds:datastoreItem xmlns:ds="http://schemas.openxmlformats.org/officeDocument/2006/customXml" ds:itemID="{F6A1FA79-EB49-4CC2-87CD-A23F572CDA8B}">
  <ds:schemaRefs>
    <ds:schemaRef ds:uri="http://schemas.microsoft.com/office/2006/metadata/properties"/>
    <ds:schemaRef ds:uri="http://schemas.microsoft.com/office/infopath/2007/PartnerControls"/>
  </ds:schemaRefs>
</ds:datastoreItem>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Worksheets</vt:lpstr>
      </vt:variant>
      <vt:variant>
        <vt:i4>1</vt:i4>
      </vt:variant>
    </vt:vector>
  </HeadingPairs>
  <TitlesOfParts>
    <vt:vector size="1" baseType="lpstr">
      <vt:lpstr>FAQs</vt:lpstr>
    </vt:vector>
  </TitlesOfParts>
  <Manager/>
  <Company>SAP</Company>
  <LinksUpToDate>false</LinksUpToDate>
  <SharedDoc>false</SharedDoc>
  <HyperlinkBase/>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Baczyk, Sarah</dc:creator>
  <cp:keywords/>
  <dc:description/>
  <cp:lastModifiedBy>Nunez, Maria</cp:lastModifiedBy>
  <cp:revision/>
  <dcterms:created xsi:type="dcterms:W3CDTF">2020-03-17T11:03:14Z</dcterms:created>
  <dcterms:modified xsi:type="dcterms:W3CDTF">2021-03-21T22:19:32Z</dcterms:modified>
  <cp:category/>
  <cp:contentStatus/>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DCA7F96F0ADD844D94B1594215816245</vt:lpwstr>
  </property>
</Properties>
</file>